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C:\Users\s3085\Desktop\04 実績報告・支払\提出様式\"/>
    </mc:Choice>
  </mc:AlternateContent>
  <bookViews>
    <workbookView xWindow="588" yWindow="432" windowWidth="12120" windowHeight="6072" firstSheet="1" activeTab="6"/>
  </bookViews>
  <sheets>
    <sheet name="Sheet1" sheetId="42" r:id="rId1"/>
    <sheet name="実績報告書（別記様式４号）" sheetId="29" r:id="rId2"/>
    <sheet name="別紙1" sheetId="40" r:id="rId3"/>
    <sheet name="別紙2-(2)" sheetId="35" r:id="rId4"/>
    <sheet name="別紙４" sheetId="37" r:id="rId5"/>
    <sheet name="別紙５" sheetId="38" r:id="rId6"/>
    <sheet name="別紙６" sheetId="36" r:id="rId7"/>
    <sheet name="【実績報告記入例】別紙1" sheetId="43" r:id="rId8"/>
    <sheet name="【実績報告記入例】別紙６" sheetId="44" r:id="rId9"/>
  </sheets>
  <definedNames>
    <definedName name="_xlnm.Print_Area" localSheetId="7">【実績報告記入例】別紙1!$A$1:$AN$24</definedName>
    <definedName name="_xlnm.Print_Area" localSheetId="8">【実績報告記入例】別紙６!$A$1:$AB$42</definedName>
    <definedName name="_xlnm.Print_Area" localSheetId="0">Sheet1!$A$1:$J$33</definedName>
    <definedName name="_xlnm.Print_Area" localSheetId="1">'実績報告書（別記様式４号）'!$A$1:$Z$46</definedName>
    <definedName name="_xlnm.Print_Area" localSheetId="2">別紙1!$A$1:$AM$21</definedName>
    <definedName name="_xlnm.Print_Area" localSheetId="3">'別紙2-(2)'!$A$1:$W$41</definedName>
    <definedName name="_xlnm.Print_Area" localSheetId="4">別紙４!$A$1:$X$37</definedName>
    <definedName name="_xlnm.Print_Area" localSheetId="5">別紙５!$A$1:$X$43</definedName>
    <definedName name="_xlnm.Print_Area" localSheetId="6">別紙６!$A$1:$X$43</definedName>
  </definedNames>
  <calcPr calcId="152511"/>
</workbook>
</file>

<file path=xl/calcChain.xml><?xml version="1.0" encoding="utf-8"?>
<calcChain xmlns="http://schemas.openxmlformats.org/spreadsheetml/2006/main">
  <c r="M13" i="36" l="1"/>
  <c r="M25" i="36"/>
  <c r="AI7" i="43" l="1"/>
  <c r="L6" i="40" l="1"/>
  <c r="AI6" i="40"/>
</calcChain>
</file>

<file path=xl/sharedStrings.xml><?xml version="1.0" encoding="utf-8"?>
<sst xmlns="http://schemas.openxmlformats.org/spreadsheetml/2006/main" count="222" uniqueCount="151">
  <si>
    <t>番</t>
  </si>
  <si>
    <t>号</t>
  </si>
  <si>
    <t>平成</t>
  </si>
  <si>
    <t>年</t>
  </si>
  <si>
    <t>月</t>
  </si>
  <si>
    <t>日</t>
  </si>
  <si>
    <t>広 島 県 知 事 様</t>
  </si>
  <si>
    <t>印</t>
  </si>
  <si>
    <t>又は団体の所在地　〒</t>
  </si>
  <si>
    <t>団体の名称</t>
  </si>
  <si>
    <t>代表者</t>
  </si>
  <si>
    <t>円</t>
  </si>
  <si>
    <t>号で交付決定を受けたこのことについて，</t>
  </si>
  <si>
    <t>次のとおり関係書類を添えて報告します。</t>
  </si>
  <si>
    <t>１　県費補助精算額</t>
  </si>
  <si>
    <t>２　事業の種類</t>
  </si>
  <si>
    <t>３　経費所要額精算書</t>
  </si>
  <si>
    <t>４　事業実績報告書及び実績額明細書</t>
  </si>
  <si>
    <t>別紙２－（２）</t>
  </si>
  <si>
    <t>５　添付書類</t>
  </si>
  <si>
    <t>（１）歳入歳出決算（見込）書の抄本</t>
  </si>
  <si>
    <t>（市町または医療機関名：</t>
  </si>
  <si>
    <t>番号</t>
  </si>
  <si>
    <t>区分</t>
  </si>
  <si>
    <t>施設名</t>
  </si>
  <si>
    <t>開設主体</t>
  </si>
  <si>
    <t>合　　計</t>
  </si>
  <si>
    <t>口　座　振　替　依　頼　書</t>
  </si>
  <si>
    <t>広　島　県　知　事　様</t>
  </si>
  <si>
    <t>所在地</t>
  </si>
  <si>
    <t>名　称</t>
  </si>
  <si>
    <t>代表者名</t>
  </si>
  <si>
    <t>振込先預金口座</t>
  </si>
  <si>
    <t>金融機関名 ・ 支店名</t>
  </si>
  <si>
    <t>預　金　種　目</t>
  </si>
  <si>
    <t>口　座　番　号</t>
  </si>
  <si>
    <t>口 座 名 義（カタカナ）</t>
  </si>
  <si>
    <t>　</t>
  </si>
  <si>
    <t>(摘要）</t>
  </si>
  <si>
    <t>委　　　任　　　状</t>
  </si>
  <si>
    <t>（委任者）</t>
  </si>
  <si>
    <t>住所</t>
  </si>
  <si>
    <t>氏名</t>
  </si>
  <si>
    <t>次の者に請求権限，受領権限を委任します。</t>
  </si>
  <si>
    <t>【受任者】</t>
  </si>
  <si>
    <t>歳入歳出決算（見込）書</t>
  </si>
  <si>
    <t>歳
入</t>
  </si>
  <si>
    <t>項　　目</t>
  </si>
  <si>
    <t>金　額</t>
  </si>
  <si>
    <t>備　考</t>
  </si>
  <si>
    <t>補助金（</t>
  </si>
  <si>
    <t>事業）</t>
  </si>
  <si>
    <t>借入金</t>
  </si>
  <si>
    <t>自己資本</t>
  </si>
  <si>
    <t>歳
出</t>
  </si>
  <si>
    <t>手当</t>
  </si>
  <si>
    <t>歳入歳出決算（見込）書については，原本と相違ないことを証明します。</t>
  </si>
  <si>
    <t>法人名</t>
  </si>
  <si>
    <t>経　費　所　要　額　精　算　書</t>
    <rPh sb="0" eb="3">
      <t>ケイヒ</t>
    </rPh>
    <rPh sb="4" eb="5">
      <t>ショヨウ</t>
    </rPh>
    <rPh sb="6" eb="7">
      <t>ヨウ</t>
    </rPh>
    <rPh sb="8" eb="9">
      <t>ガク</t>
    </rPh>
    <rPh sb="10" eb="15">
      <t>セイサンショ</t>
    </rPh>
    <phoneticPr fontId="3"/>
  </si>
  <si>
    <t>（C）欄には，（A）と（B）を比較して少ない額を記入すること。</t>
    <rPh sb="3" eb="4">
      <t>ラン</t>
    </rPh>
    <rPh sb="15" eb="17">
      <t>ヒカク</t>
    </rPh>
    <rPh sb="19" eb="20">
      <t>スク</t>
    </rPh>
    <rPh sb="22" eb="23">
      <t>ガク</t>
    </rPh>
    <rPh sb="24" eb="26">
      <t>キニュウ</t>
    </rPh>
    <phoneticPr fontId="3"/>
  </si>
  <si>
    <t>２．作成後，次の事項を確認してください。</t>
    <rPh sb="2" eb="5">
      <t>サクセイゴ</t>
    </rPh>
    <rPh sb="6" eb="7">
      <t>ツギ</t>
    </rPh>
    <rPh sb="8" eb="10">
      <t>ジコウ</t>
    </rPh>
    <rPh sb="11" eb="13">
      <t>カクニン</t>
    </rPh>
    <phoneticPr fontId="3"/>
  </si>
  <si>
    <t>状況報告提出時には，それぞれの様式ごとに整合性が図られているか確認を行ってください。</t>
    <rPh sb="0" eb="2">
      <t>ジョウキョウ</t>
    </rPh>
    <rPh sb="2" eb="4">
      <t>ホウコク</t>
    </rPh>
    <rPh sb="4" eb="6">
      <t>テイシュツ</t>
    </rPh>
    <rPh sb="6" eb="7">
      <t>ジ</t>
    </rPh>
    <rPh sb="15" eb="17">
      <t>ヨウシキ</t>
    </rPh>
    <rPh sb="20" eb="22">
      <t>セイゴウ</t>
    </rPh>
    <rPh sb="22" eb="23">
      <t>セイ</t>
    </rPh>
    <rPh sb="24" eb="25">
      <t>ハカ</t>
    </rPh>
    <rPh sb="31" eb="33">
      <t>カクニン</t>
    </rPh>
    <rPh sb="34" eb="35">
      <t>オコナ</t>
    </rPh>
    <phoneticPr fontId="3"/>
  </si>
  <si>
    <t>　　３．報告期間該当ページを出力し，郵送により提出してください。</t>
    <phoneticPr fontId="3"/>
  </si>
  <si>
    <t>あらかじめ入力されている計算式は，補助的に利用するものとし，提出前には，必ず各項目について
入力漏れや入力内容に間違いがないかを確認してください。</t>
    <rPh sb="5" eb="7">
      <t>ニュウリョク</t>
    </rPh>
    <rPh sb="12" eb="14">
      <t>ケイサン</t>
    </rPh>
    <rPh sb="14" eb="15">
      <t>シキ</t>
    </rPh>
    <rPh sb="17" eb="20">
      <t>ホジョテキ</t>
    </rPh>
    <rPh sb="21" eb="23">
      <t>リヨウ</t>
    </rPh>
    <rPh sb="30" eb="32">
      <t>テイシュツ</t>
    </rPh>
    <rPh sb="32" eb="33">
      <t>マエ</t>
    </rPh>
    <rPh sb="36" eb="37">
      <t>カナラ</t>
    </rPh>
    <rPh sb="38" eb="41">
      <t>カクコウモク</t>
    </rPh>
    <rPh sb="46" eb="48">
      <t>ニュウリョク</t>
    </rPh>
    <rPh sb="48" eb="49">
      <t>モ</t>
    </rPh>
    <rPh sb="51" eb="53">
      <t>ニュウリョク</t>
    </rPh>
    <rPh sb="53" eb="55">
      <t>ナイヨウ</t>
    </rPh>
    <rPh sb="56" eb="58">
      <t>マチガ</t>
    </rPh>
    <rPh sb="64" eb="66">
      <t>カクニン</t>
    </rPh>
    <phoneticPr fontId="3"/>
  </si>
  <si>
    <t>①</t>
    <phoneticPr fontId="3"/>
  </si>
  <si>
    <t>②</t>
    <phoneticPr fontId="3"/>
  </si>
  <si>
    <t>③</t>
    <phoneticPr fontId="3"/>
  </si>
  <si>
    <t>　　１．必要事項を該当セルに入力または選択してください。
　　　　（一部は自動計算されます。）</t>
    <rPh sb="4" eb="6">
      <t>ヒツヨウ</t>
    </rPh>
    <rPh sb="6" eb="8">
      <t>ジコウ</t>
    </rPh>
    <rPh sb="9" eb="11">
      <t>ガイトウ</t>
    </rPh>
    <rPh sb="14" eb="16">
      <t>ニュウリョク</t>
    </rPh>
    <rPh sb="19" eb="21">
      <t>センタク</t>
    </rPh>
    <rPh sb="34" eb="36">
      <t>イチブ</t>
    </rPh>
    <rPh sb="37" eb="39">
      <t>ジドウ</t>
    </rPh>
    <rPh sb="39" eb="41">
      <t>ケイサン</t>
    </rPh>
    <phoneticPr fontId="3"/>
  </si>
  <si>
    <t>状況報告で提出していただく各月のデータは，実績報告書作成において基となるデータです。
実績報告書提出時には，状況報告の内容と実績報告の内容について，整合性が図られているか
確認を行ってください。</t>
    <rPh sb="0" eb="2">
      <t>ジョウキョウ</t>
    </rPh>
    <rPh sb="2" eb="4">
      <t>ホウコク</t>
    </rPh>
    <rPh sb="5" eb="7">
      <t>テイシュツ</t>
    </rPh>
    <rPh sb="13" eb="15">
      <t>カクツキ</t>
    </rPh>
    <rPh sb="21" eb="23">
      <t>ジッセキ</t>
    </rPh>
    <rPh sb="23" eb="25">
      <t>ホウコク</t>
    </rPh>
    <rPh sb="25" eb="26">
      <t>ショ</t>
    </rPh>
    <rPh sb="26" eb="28">
      <t>サクセイ</t>
    </rPh>
    <rPh sb="32" eb="33">
      <t>モト</t>
    </rPh>
    <rPh sb="43" eb="45">
      <t>ジッセキ</t>
    </rPh>
    <rPh sb="45" eb="48">
      <t>ホウコクショ</t>
    </rPh>
    <rPh sb="48" eb="50">
      <t>テイシュツ</t>
    </rPh>
    <rPh sb="50" eb="51">
      <t>ジ</t>
    </rPh>
    <rPh sb="54" eb="56">
      <t>ジョウキョウ</t>
    </rPh>
    <rPh sb="56" eb="58">
      <t>ホウコク</t>
    </rPh>
    <rPh sb="59" eb="61">
      <t>ナイヨウ</t>
    </rPh>
    <rPh sb="62" eb="64">
      <t>ジッセキ</t>
    </rPh>
    <rPh sb="64" eb="66">
      <t>ホウコク</t>
    </rPh>
    <rPh sb="67" eb="69">
      <t>ナイヨウ</t>
    </rPh>
    <rPh sb="74" eb="77">
      <t>セイゴウセイ</t>
    </rPh>
    <rPh sb="78" eb="79">
      <t>ハカ</t>
    </rPh>
    <rPh sb="86" eb="88">
      <t>カクニン</t>
    </rPh>
    <rPh sb="89" eb="90">
      <t>オコナ</t>
    </rPh>
    <phoneticPr fontId="3"/>
  </si>
  <si>
    <t>（１）　産科医等確保支援事業</t>
    <phoneticPr fontId="3"/>
  </si>
  <si>
    <t>別紙２－(１)</t>
    <rPh sb="0" eb="2">
      <t>ベッシ</t>
    </rPh>
    <phoneticPr fontId="3"/>
  </si>
  <si>
    <t>（２）口座振替依頼書</t>
    <phoneticPr fontId="3"/>
  </si>
  <si>
    <t>その他参考となる資料（(１)によりがたい場合）</t>
    <rPh sb="0" eb="3">
      <t>ソノタ</t>
    </rPh>
    <rPh sb="3" eb="5">
      <t>サンコウ</t>
    </rPh>
    <rPh sb="8" eb="9">
      <t>シ</t>
    </rPh>
    <rPh sb="9" eb="10">
      <t>リョウ</t>
    </rPh>
    <rPh sb="20" eb="22">
      <t>バアイ</t>
    </rPh>
    <phoneticPr fontId="3"/>
  </si>
  <si>
    <t>（３）口座振替依頼書</t>
    <phoneticPr fontId="3"/>
  </si>
  <si>
    <t>（４）委任状　（該当がある場合のみ）</t>
    <rPh sb="8" eb="10">
      <t>ガイトウ</t>
    </rPh>
    <rPh sb="13" eb="15">
      <t>バアイ</t>
    </rPh>
    <phoneticPr fontId="3"/>
  </si>
  <si>
    <t>（市町又は医療機関名</t>
    <rPh sb="1" eb="3">
      <t>シチョウ</t>
    </rPh>
    <rPh sb="3" eb="4">
      <t>マタ</t>
    </rPh>
    <rPh sb="5" eb="7">
      <t>イリョウ</t>
    </rPh>
    <rPh sb="7" eb="9">
      <t>キカン</t>
    </rPh>
    <rPh sb="9" eb="10">
      <t>メイ</t>
    </rPh>
    <phoneticPr fontId="3"/>
  </si>
  <si>
    <t>）</t>
    <phoneticPr fontId="3"/>
  </si>
  <si>
    <t>（</t>
    <phoneticPr fontId="3"/>
  </si>
  <si>
    <t>事業）</t>
    <rPh sb="0" eb="2">
      <t>ジギョウ</t>
    </rPh>
    <phoneticPr fontId="3"/>
  </si>
  <si>
    <t>基準額
（B）</t>
    <rPh sb="0" eb="2">
      <t>キジュン</t>
    </rPh>
    <rPh sb="2" eb="3">
      <t>ガク</t>
    </rPh>
    <phoneticPr fontId="3"/>
  </si>
  <si>
    <t>選定額
（C)</t>
    <rPh sb="0" eb="2">
      <t>センテイ</t>
    </rPh>
    <rPh sb="2" eb="3">
      <t>ガク</t>
    </rPh>
    <phoneticPr fontId="3"/>
  </si>
  <si>
    <t>交付決定額
（F)</t>
    <rPh sb="0" eb="2">
      <t>コウフ</t>
    </rPh>
    <rPh sb="2" eb="4">
      <t>ケッテイ</t>
    </rPh>
    <rPh sb="4" eb="5">
      <t>ガク</t>
    </rPh>
    <phoneticPr fontId="3"/>
  </si>
  <si>
    <t>補助
受入済額
（G)</t>
    <rPh sb="0" eb="2">
      <t>ホジョ</t>
    </rPh>
    <rPh sb="3" eb="4">
      <t>ウケイ</t>
    </rPh>
    <rPh sb="4" eb="5">
      <t>イ</t>
    </rPh>
    <rPh sb="5" eb="6">
      <t>ス</t>
    </rPh>
    <rPh sb="6" eb="7">
      <t>ガク</t>
    </rPh>
    <phoneticPr fontId="3"/>
  </si>
  <si>
    <t>円</t>
    <rPh sb="0" eb="1">
      <t>エン</t>
    </rPh>
    <phoneticPr fontId="3"/>
  </si>
  <si>
    <t>（注）</t>
    <rPh sb="1" eb="2">
      <t>チュウ</t>
    </rPh>
    <phoneticPr fontId="3"/>
  </si>
  <si>
    <t>分娩手当：10,000円×実分娩件数</t>
    <rPh sb="0" eb="2">
      <t>ブンベン</t>
    </rPh>
    <rPh sb="2" eb="4">
      <t>テアテ</t>
    </rPh>
    <rPh sb="11" eb="12">
      <t>エン</t>
    </rPh>
    <rPh sb="13" eb="14">
      <t>ジツ</t>
    </rPh>
    <rPh sb="14" eb="16">
      <t>ブンベン</t>
    </rPh>
    <rPh sb="16" eb="18">
      <t>ケンスウ</t>
    </rPh>
    <phoneticPr fontId="3"/>
  </si>
  <si>
    <t>研修医手当：50,000円×対象人数×研修月数</t>
    <rPh sb="0" eb="3">
      <t>ケンシュウイ</t>
    </rPh>
    <rPh sb="3" eb="5">
      <t>テアテ</t>
    </rPh>
    <rPh sb="12" eb="13">
      <t>エン</t>
    </rPh>
    <rPh sb="14" eb="16">
      <t>タイショウ</t>
    </rPh>
    <rPh sb="16" eb="18">
      <t>ニンズウ</t>
    </rPh>
    <rPh sb="19" eb="21">
      <t>ケンシュウ</t>
    </rPh>
    <rPh sb="21" eb="22">
      <t>ツキ</t>
    </rPh>
    <rPh sb="22" eb="23">
      <t>スウ</t>
    </rPh>
    <phoneticPr fontId="3"/>
  </si>
  <si>
    <t>新生児担当医手当：10,000円×NICU入院新生児数</t>
    <rPh sb="0" eb="3">
      <t>シンセイジ</t>
    </rPh>
    <rPh sb="3" eb="6">
      <t>タントウイ</t>
    </rPh>
    <rPh sb="6" eb="8">
      <t>テアテ</t>
    </rPh>
    <rPh sb="15" eb="16">
      <t>エン</t>
    </rPh>
    <rPh sb="21" eb="23">
      <t>ニュウイン</t>
    </rPh>
    <rPh sb="23" eb="26">
      <t>シンセイジ</t>
    </rPh>
    <rPh sb="26" eb="27">
      <t>スウ</t>
    </rPh>
    <phoneticPr fontId="3"/>
  </si>
  <si>
    <t>（D)欄には，（B）と（C）を比較して少ない額を記入すること。ただし，支給単価が複数ある場合は，支給単価と補助基準単価を比較し，
少ない額の単価を用いて算出すること。</t>
    <rPh sb="3" eb="4">
      <t>ラン</t>
    </rPh>
    <rPh sb="15" eb="17">
      <t>ヒカク</t>
    </rPh>
    <rPh sb="19" eb="20">
      <t>スク</t>
    </rPh>
    <rPh sb="22" eb="23">
      <t>ガク</t>
    </rPh>
    <rPh sb="24" eb="26">
      <t>キニュウ</t>
    </rPh>
    <rPh sb="35" eb="37">
      <t>シキュウ</t>
    </rPh>
    <rPh sb="37" eb="39">
      <t>タンカ</t>
    </rPh>
    <rPh sb="40" eb="42">
      <t>フクスウ</t>
    </rPh>
    <rPh sb="44" eb="46">
      <t>バアイ</t>
    </rPh>
    <rPh sb="48" eb="50">
      <t>シキュウ</t>
    </rPh>
    <rPh sb="50" eb="52">
      <t>タンカ</t>
    </rPh>
    <rPh sb="53" eb="55">
      <t>ホジョ</t>
    </rPh>
    <rPh sb="55" eb="57">
      <t>キジュン</t>
    </rPh>
    <rPh sb="57" eb="59">
      <t>タンカ</t>
    </rPh>
    <rPh sb="60" eb="62">
      <t>ヒカク</t>
    </rPh>
    <rPh sb="65" eb="66">
      <t>スク</t>
    </rPh>
    <rPh sb="68" eb="69">
      <t>ガク</t>
    </rPh>
    <rPh sb="70" eb="72">
      <t>タンカ</t>
    </rPh>
    <rPh sb="73" eb="74">
      <t>モチ</t>
    </rPh>
    <rPh sb="76" eb="78">
      <t>サンシュツ</t>
    </rPh>
    <phoneticPr fontId="3"/>
  </si>
  <si>
    <t>（H）欄には，（E）と（F）を比較して少ない額から（G）を差し引いた額を記入すること。</t>
    <rPh sb="3" eb="4">
      <t>ラン</t>
    </rPh>
    <rPh sb="15" eb="17">
      <t>ヒカク</t>
    </rPh>
    <rPh sb="19" eb="20">
      <t>スク</t>
    </rPh>
    <rPh sb="22" eb="23">
      <t>ガク</t>
    </rPh>
    <rPh sb="29" eb="32">
      <t>サシヒ</t>
    </rPh>
    <rPh sb="34" eb="35">
      <t>ガク</t>
    </rPh>
    <rPh sb="36" eb="38">
      <t>キニュウ</t>
    </rPh>
    <phoneticPr fontId="3"/>
  </si>
  <si>
    <t>産科医等確保支援事業（研修医手当）精算額調書</t>
    <rPh sb="11" eb="14">
      <t>ケンシュウイ</t>
    </rPh>
    <phoneticPr fontId="3"/>
  </si>
  <si>
    <t>）</t>
    <phoneticPr fontId="3"/>
  </si>
  <si>
    <t>研修医手当
支給対象人数
（人）</t>
    <rPh sb="0" eb="2">
      <t>ケンシュウ</t>
    </rPh>
    <rPh sb="2" eb="3">
      <t>イ</t>
    </rPh>
    <rPh sb="3" eb="5">
      <t>テアテ</t>
    </rPh>
    <rPh sb="6" eb="8">
      <t>シキュウ</t>
    </rPh>
    <rPh sb="8" eb="10">
      <t>タイショウ</t>
    </rPh>
    <rPh sb="10" eb="12">
      <t>ニンズウ</t>
    </rPh>
    <rPh sb="14" eb="15">
      <t>ニン</t>
    </rPh>
    <phoneticPr fontId="3"/>
  </si>
  <si>
    <t>研修医手当
支給月額
（円）</t>
    <rPh sb="0" eb="3">
      <t>ケンシュウイ</t>
    </rPh>
    <rPh sb="3" eb="4">
      <t>テ</t>
    </rPh>
    <rPh sb="4" eb="5">
      <t>ア</t>
    </rPh>
    <rPh sb="6" eb="8">
      <t>シキュウ</t>
    </rPh>
    <rPh sb="8" eb="10">
      <t>ゲツガク</t>
    </rPh>
    <rPh sb="12" eb="13">
      <t>エン</t>
    </rPh>
    <phoneticPr fontId="3"/>
  </si>
  <si>
    <t>研修医手当
支給額
（千円）</t>
    <rPh sb="0" eb="3">
      <t>ケンシュウイ</t>
    </rPh>
    <rPh sb="3" eb="5">
      <t>テアテ</t>
    </rPh>
    <rPh sb="6" eb="8">
      <t>シキュウ</t>
    </rPh>
    <rPh sb="8" eb="9">
      <t>ガク</t>
    </rPh>
    <rPh sb="11" eb="13">
      <t>センエン</t>
    </rPh>
    <phoneticPr fontId="3"/>
  </si>
  <si>
    <t>※年度途中からの実施や産休等で手当が支給されない月がある場合は除くこと。</t>
    <rPh sb="1" eb="3">
      <t>ネンド</t>
    </rPh>
    <rPh sb="3" eb="5">
      <t>トチュウ</t>
    </rPh>
    <rPh sb="8" eb="10">
      <t>ジッシ</t>
    </rPh>
    <rPh sb="11" eb="13">
      <t>サンキュウ</t>
    </rPh>
    <rPh sb="13" eb="14">
      <t>トウ</t>
    </rPh>
    <rPh sb="15" eb="17">
      <t>テアテ</t>
    </rPh>
    <rPh sb="18" eb="20">
      <t>シキュウ</t>
    </rPh>
    <rPh sb="24" eb="25">
      <t>ツキ</t>
    </rPh>
    <rPh sb="28" eb="30">
      <t>バアイ</t>
    </rPh>
    <rPh sb="31" eb="32">
      <t>ノゾ</t>
    </rPh>
    <phoneticPr fontId="3"/>
  </si>
  <si>
    <t>産科医等確保支援</t>
    <rPh sb="0" eb="2">
      <t>サンカ</t>
    </rPh>
    <rPh sb="2" eb="3">
      <t>イ</t>
    </rPh>
    <rPh sb="3" eb="4">
      <t>トウ</t>
    </rPh>
    <rPh sb="4" eb="6">
      <t>カクホ</t>
    </rPh>
    <rPh sb="6" eb="8">
      <t>シエン</t>
    </rPh>
    <phoneticPr fontId="3"/>
  </si>
  <si>
    <t>分娩</t>
    <rPh sb="0" eb="2">
      <t>ブンベン</t>
    </rPh>
    <phoneticPr fontId="3"/>
  </si>
  <si>
    <t>研修医</t>
    <rPh sb="0" eb="3">
      <t>ケンシュウイ</t>
    </rPh>
    <phoneticPr fontId="3"/>
  </si>
  <si>
    <t>状況報告書および実績報告書の作成にあたって（研修医手当）</t>
    <rPh sb="0" eb="2">
      <t>ジョウキョウ</t>
    </rPh>
    <rPh sb="2" eb="5">
      <t>ホウコクショ</t>
    </rPh>
    <rPh sb="8" eb="10">
      <t>ジッセキ</t>
    </rPh>
    <rPh sb="10" eb="13">
      <t>ホウコクショ</t>
    </rPh>
    <rPh sb="14" eb="16">
      <t>サクセイ</t>
    </rPh>
    <rPh sb="22" eb="25">
      <t>ケンシュウイ</t>
    </rPh>
    <rPh sb="25" eb="27">
      <t>テアテ</t>
    </rPh>
    <phoneticPr fontId="3"/>
  </si>
  <si>
    <t>市町長</t>
    <rPh sb="0" eb="2">
      <t>シチョウ</t>
    </rPh>
    <rPh sb="2" eb="3">
      <t>チョウ</t>
    </rPh>
    <phoneticPr fontId="3"/>
  </si>
  <si>
    <t>氏　　名</t>
    <rPh sb="0" eb="4">
      <t>シメイ</t>
    </rPh>
    <phoneticPr fontId="3"/>
  </si>
  <si>
    <t>ア．分娩手当</t>
    <rPh sb="2" eb="4">
      <t>ブンベン</t>
    </rPh>
    <rPh sb="4" eb="6">
      <t>テアテ</t>
    </rPh>
    <phoneticPr fontId="3"/>
  </si>
  <si>
    <t>イ．研修医手当</t>
    <rPh sb="2" eb="5">
      <t>ケンシュウイ</t>
    </rPh>
    <rPh sb="5" eb="7">
      <t>テアテ</t>
    </rPh>
    <phoneticPr fontId="3"/>
  </si>
  <si>
    <t>金</t>
    <rPh sb="0" eb="1">
      <t>キン</t>
    </rPh>
    <phoneticPr fontId="3"/>
  </si>
  <si>
    <t>円</t>
    <rPh sb="0" eb="1">
      <t>エン</t>
    </rPh>
    <phoneticPr fontId="3"/>
  </si>
  <si>
    <t>産科医等確保支援事業（研修医手当）</t>
  </si>
  <si>
    <t>産科医等確保支援事業（分娩手当）</t>
    <rPh sb="0" eb="2">
      <t>サンカ</t>
    </rPh>
    <rPh sb="2" eb="3">
      <t>イ</t>
    </rPh>
    <rPh sb="3" eb="4">
      <t>トウ</t>
    </rPh>
    <rPh sb="4" eb="6">
      <t>カクホ</t>
    </rPh>
    <rPh sb="6" eb="8">
      <t>シエン</t>
    </rPh>
    <rPh sb="8" eb="10">
      <t>ジギョウ</t>
    </rPh>
    <rPh sb="11" eb="13">
      <t>ブンベン</t>
    </rPh>
    <rPh sb="13" eb="15">
      <t>テアテ</t>
    </rPh>
    <phoneticPr fontId="3"/>
  </si>
  <si>
    <t>産科医等確保支援事業（研修医手当）</t>
    <rPh sb="0" eb="2">
      <t>サンカ</t>
    </rPh>
    <rPh sb="2" eb="3">
      <t>イ</t>
    </rPh>
    <rPh sb="3" eb="4">
      <t>トウ</t>
    </rPh>
    <rPh sb="4" eb="6">
      <t>カクホ</t>
    </rPh>
    <rPh sb="6" eb="8">
      <t>シエン</t>
    </rPh>
    <rPh sb="8" eb="10">
      <t>ジギョウ</t>
    </rPh>
    <rPh sb="11" eb="14">
      <t>ケンシュウイ</t>
    </rPh>
    <rPh sb="14" eb="16">
      <t>テアテ</t>
    </rPh>
    <phoneticPr fontId="3"/>
  </si>
  <si>
    <t>新生児医療担当医確保支援事業</t>
    <rPh sb="0" eb="3">
      <t>シンセイジ</t>
    </rPh>
    <rPh sb="3" eb="5">
      <t>イリョウ</t>
    </rPh>
    <rPh sb="5" eb="7">
      <t>タントウ</t>
    </rPh>
    <rPh sb="7" eb="8">
      <t>イ</t>
    </rPh>
    <rPh sb="8" eb="10">
      <t>カクホ</t>
    </rPh>
    <rPh sb="10" eb="12">
      <t>シエン</t>
    </rPh>
    <rPh sb="12" eb="14">
      <t>ジギョウ</t>
    </rPh>
    <phoneticPr fontId="3"/>
  </si>
  <si>
    <t>対象経費の支出済額
（A）</t>
    <rPh sb="0" eb="2">
      <t>タイショウ</t>
    </rPh>
    <rPh sb="2" eb="4">
      <t>ケイヒ</t>
    </rPh>
    <rPh sb="5" eb="7">
      <t>シシュツ</t>
    </rPh>
    <rPh sb="7" eb="8">
      <t>ス</t>
    </rPh>
    <rPh sb="8" eb="9">
      <t>ソウガク</t>
    </rPh>
    <phoneticPr fontId="3"/>
  </si>
  <si>
    <t>県費補助
基 本 額
（D）</t>
    <rPh sb="0" eb="1">
      <t>ケン</t>
    </rPh>
    <rPh sb="1" eb="2">
      <t>ヒ</t>
    </rPh>
    <rPh sb="2" eb="4">
      <t>ホジョ</t>
    </rPh>
    <rPh sb="5" eb="8">
      <t>キホン</t>
    </rPh>
    <rPh sb="9" eb="10">
      <t>ガク</t>
    </rPh>
    <phoneticPr fontId="3"/>
  </si>
  <si>
    <t>県費補助
所 要 額
（E)
※千円未満切捨</t>
    <rPh sb="0" eb="1">
      <t>ケン</t>
    </rPh>
    <rPh sb="1" eb="2">
      <t>ヒ</t>
    </rPh>
    <rPh sb="2" eb="4">
      <t>ホジョ</t>
    </rPh>
    <rPh sb="5" eb="8">
      <t>ショヨウ</t>
    </rPh>
    <rPh sb="9" eb="10">
      <t>ガク</t>
    </rPh>
    <rPh sb="16" eb="18">
      <t>センエン</t>
    </rPh>
    <rPh sb="18" eb="20">
      <t>ミマン</t>
    </rPh>
    <rPh sb="20" eb="22">
      <t>キリス</t>
    </rPh>
    <phoneticPr fontId="3"/>
  </si>
  <si>
    <t xml:space="preserve">  差引
過不足額
（H）</t>
    <rPh sb="2" eb="3">
      <t>サシヒ</t>
    </rPh>
    <rPh sb="3" eb="4">
      <t>ヒ</t>
    </rPh>
    <rPh sb="5" eb="8">
      <t>カフソク</t>
    </rPh>
    <rPh sb="8" eb="9">
      <t>ガク</t>
    </rPh>
    <phoneticPr fontId="3"/>
  </si>
  <si>
    <t>（E）欄には，（D）の金額に，交付要綱第３条「別表１」で定めた補助率を乗じて算出した額を記入すること。千円未満は切捨てとする。</t>
    <rPh sb="3" eb="4">
      <t>ラン</t>
    </rPh>
    <rPh sb="11" eb="13">
      <t>キンガク</t>
    </rPh>
    <rPh sb="15" eb="17">
      <t>コウフ</t>
    </rPh>
    <rPh sb="17" eb="19">
      <t>ヨウコウ</t>
    </rPh>
    <rPh sb="19" eb="20">
      <t>ダイ</t>
    </rPh>
    <rPh sb="21" eb="22">
      <t>ジョウ</t>
    </rPh>
    <rPh sb="23" eb="25">
      <t>ベッピョウ</t>
    </rPh>
    <rPh sb="28" eb="29">
      <t>サダ</t>
    </rPh>
    <rPh sb="31" eb="33">
      <t>ホジョ</t>
    </rPh>
    <rPh sb="33" eb="34">
      <t>リツ</t>
    </rPh>
    <rPh sb="35" eb="36">
      <t>ジョウ</t>
    </rPh>
    <rPh sb="38" eb="40">
      <t>サンシュツ</t>
    </rPh>
    <rPh sb="42" eb="43">
      <t>ガク</t>
    </rPh>
    <rPh sb="44" eb="46">
      <t>キニュウ</t>
    </rPh>
    <rPh sb="51" eb="53">
      <t>センエン</t>
    </rPh>
    <rPh sb="53" eb="55">
      <t>ミマン</t>
    </rPh>
    <rPh sb="56" eb="58">
      <t>キリス</t>
    </rPh>
    <phoneticPr fontId="3"/>
  </si>
  <si>
    <t>（G）欄には，概算払がある市町または医療機関のみ受領済額を記入すること。</t>
    <rPh sb="3" eb="4">
      <t>ラン</t>
    </rPh>
    <rPh sb="7" eb="9">
      <t>ガイサン</t>
    </rPh>
    <rPh sb="9" eb="10">
      <t>ハラ</t>
    </rPh>
    <rPh sb="13" eb="15">
      <t>シチョウ</t>
    </rPh>
    <rPh sb="18" eb="20">
      <t>イリョウ</t>
    </rPh>
    <rPh sb="20" eb="22">
      <t>キカン</t>
    </rPh>
    <rPh sb="24" eb="26">
      <t>ジュリョウ</t>
    </rPh>
    <rPh sb="26" eb="27">
      <t>ス</t>
    </rPh>
    <rPh sb="27" eb="28">
      <t>ガク</t>
    </rPh>
    <rPh sb="29" eb="31">
      <t>キニュウ</t>
    </rPh>
    <phoneticPr fontId="3"/>
  </si>
  <si>
    <t>　注２）研修医手当支給延べ月数欄については，手当の支給対象となる延べ月数を記載すること。</t>
    <rPh sb="1" eb="2">
      <t>チュウ</t>
    </rPh>
    <rPh sb="4" eb="7">
      <t>ケンシュウイ</t>
    </rPh>
    <rPh sb="7" eb="9">
      <t>テアテ</t>
    </rPh>
    <rPh sb="9" eb="11">
      <t>シキュウ</t>
    </rPh>
    <rPh sb="11" eb="12">
      <t>ノ</t>
    </rPh>
    <rPh sb="13" eb="15">
      <t>ツキスウ</t>
    </rPh>
    <rPh sb="15" eb="16">
      <t>ラン</t>
    </rPh>
    <rPh sb="22" eb="24">
      <t>テアテ</t>
    </rPh>
    <rPh sb="25" eb="27">
      <t>シキュウ</t>
    </rPh>
    <rPh sb="27" eb="29">
      <t>タイショウ</t>
    </rPh>
    <rPh sb="32" eb="33">
      <t>ノ</t>
    </rPh>
    <rPh sb="34" eb="35">
      <t>ツキ</t>
    </rPh>
    <rPh sb="35" eb="36">
      <t>スウ</t>
    </rPh>
    <rPh sb="37" eb="39">
      <t>キサイ</t>
    </rPh>
    <phoneticPr fontId="3"/>
  </si>
  <si>
    <t>研修医手当
支給延べ
月数
　（月）</t>
    <rPh sb="0" eb="3">
      <t>ケンシュウイ</t>
    </rPh>
    <rPh sb="3" eb="5">
      <t>テアテ</t>
    </rPh>
    <rPh sb="6" eb="8">
      <t>シキュウ</t>
    </rPh>
    <rPh sb="8" eb="9">
      <t>ノ</t>
    </rPh>
    <rPh sb="11" eb="12">
      <t>ツキ</t>
    </rPh>
    <rPh sb="12" eb="13">
      <t>スウ</t>
    </rPh>
    <rPh sb="16" eb="17">
      <t>ツキ</t>
    </rPh>
    <phoneticPr fontId="3"/>
  </si>
  <si>
    <t>研修医</t>
  </si>
  <si>
    <t>産科医等確保支援（研修医手当）</t>
    <rPh sb="0" eb="2">
      <t>サンカ</t>
    </rPh>
    <rPh sb="2" eb="3">
      <t>イ</t>
    </rPh>
    <rPh sb="3" eb="4">
      <t>トウ</t>
    </rPh>
    <rPh sb="4" eb="6">
      <t>カクホ</t>
    </rPh>
    <rPh sb="6" eb="8">
      <t>シエン</t>
    </rPh>
    <rPh sb="9" eb="12">
      <t>ケンシュウイ</t>
    </rPh>
    <rPh sb="12" eb="14">
      <t>テアテ</t>
    </rPh>
    <phoneticPr fontId="3"/>
  </si>
  <si>
    <t>年度産科医等確保支援事業補助金事業実績報告書</t>
    <rPh sb="5" eb="6">
      <t>トウ</t>
    </rPh>
    <rPh sb="6" eb="8">
      <t>カクホ</t>
    </rPh>
    <rPh sb="8" eb="10">
      <t>シエン</t>
    </rPh>
    <phoneticPr fontId="3"/>
  </si>
  <si>
    <t>（２）　新生児医療担当医確保支援事業</t>
    <rPh sb="4" eb="7">
      <t>シンセイジ</t>
    </rPh>
    <rPh sb="7" eb="9">
      <t>イリョウ</t>
    </rPh>
    <rPh sb="9" eb="12">
      <t>タントウイ</t>
    </rPh>
    <rPh sb="12" eb="14">
      <t>カクホ</t>
    </rPh>
    <rPh sb="14" eb="16">
      <t>シエン</t>
    </rPh>
    <rPh sb="16" eb="18">
      <t>ジギョウ</t>
    </rPh>
    <phoneticPr fontId="3"/>
  </si>
  <si>
    <t>産科医等確保支援事業補助金は，下記の口座へ振替えてください。</t>
    <rPh sb="3" eb="4">
      <t>トウ</t>
    </rPh>
    <phoneticPr fontId="3"/>
  </si>
  <si>
    <t>　広島県から私に支払われる「広島県産科医等確保支援事業」に係る補助金について，</t>
    <rPh sb="20" eb="21">
      <t>トウ</t>
    </rPh>
    <phoneticPr fontId="3"/>
  </si>
  <si>
    <t>【記入例】</t>
    <rPh sb="1" eb="3">
      <t>キニュウ</t>
    </rPh>
    <rPh sb="3" eb="4">
      <t>レイ</t>
    </rPh>
    <phoneticPr fontId="3"/>
  </si>
  <si>
    <t>経　費　所　要　額　精　算　書</t>
  </si>
  <si>
    <t>（市町又は医療機関名：</t>
    <phoneticPr fontId="3"/>
  </si>
  <si>
    <t>○○病院</t>
    <rPh sb="2" eb="4">
      <t>ビョウイン</t>
    </rPh>
    <phoneticPr fontId="3"/>
  </si>
  <si>
    <t>）</t>
  </si>
  <si>
    <t>（</t>
  </si>
  <si>
    <t>産科医等確保支援</t>
    <rPh sb="0" eb="2">
      <t>サンカ</t>
    </rPh>
    <rPh sb="2" eb="3">
      <t>イ</t>
    </rPh>
    <rPh sb="3" eb="4">
      <t>トウ</t>
    </rPh>
    <phoneticPr fontId="3"/>
  </si>
  <si>
    <t>対象経費の支出済額
（A）</t>
    <rPh sb="7" eb="8">
      <t>ス</t>
    </rPh>
    <phoneticPr fontId="3"/>
  </si>
  <si>
    <t>基準額
（B）
※５万円×対象人数×対象月数</t>
    <rPh sb="10" eb="11">
      <t>１００００</t>
    </rPh>
    <rPh sb="11" eb="12">
      <t>エン</t>
    </rPh>
    <rPh sb="13" eb="15">
      <t>タイショウ</t>
    </rPh>
    <rPh sb="15" eb="17">
      <t>ニンズウ</t>
    </rPh>
    <rPh sb="18" eb="20">
      <t>タイショウ</t>
    </rPh>
    <rPh sb="20" eb="22">
      <t>ツキスウ</t>
    </rPh>
    <phoneticPr fontId="3"/>
  </si>
  <si>
    <t>選定額
（C)
（A）と（B）を比較し，少ない額を記入</t>
    <rPh sb="16" eb="18">
      <t>ヒカク</t>
    </rPh>
    <rPh sb="20" eb="21">
      <t>スク</t>
    </rPh>
    <rPh sb="23" eb="24">
      <t>ガク</t>
    </rPh>
    <rPh sb="25" eb="27">
      <t>キニュウ</t>
    </rPh>
    <phoneticPr fontId="3"/>
  </si>
  <si>
    <t>県費補助基本額
（D）</t>
    <phoneticPr fontId="3"/>
  </si>
  <si>
    <t>県費補助所要額
（E)
※（D）×補助率
※千円未満切捨</t>
    <phoneticPr fontId="3"/>
  </si>
  <si>
    <t>交付決定額
（F)</t>
  </si>
  <si>
    <t>補助
受入済額
（G)</t>
  </si>
  <si>
    <t>差引過不足額
（H）
（E）と（F）を比較し少ない額を選び，（G)欄の金額を差し引いて記入</t>
    <rPh sb="19" eb="21">
      <t>ヒカク</t>
    </rPh>
    <rPh sb="22" eb="23">
      <t>スク</t>
    </rPh>
    <rPh sb="25" eb="26">
      <t>ガク</t>
    </rPh>
    <rPh sb="27" eb="28">
      <t>エラ</t>
    </rPh>
    <rPh sb="33" eb="34">
      <t>ラン</t>
    </rPh>
    <rPh sb="35" eb="37">
      <t>キンガク</t>
    </rPh>
    <rPh sb="38" eb="41">
      <t>サシヒ</t>
    </rPh>
    <rPh sb="43" eb="45">
      <t>キニュウ</t>
    </rPh>
    <phoneticPr fontId="3"/>
  </si>
  <si>
    <t>別紙１</t>
    <phoneticPr fontId="3"/>
  </si>
  <si>
    <t>別紙３</t>
    <phoneticPr fontId="3"/>
  </si>
  <si>
    <t>別紙６</t>
    <rPh sb="0" eb="2">
      <t>ベッシ</t>
    </rPh>
    <phoneticPr fontId="3"/>
  </si>
  <si>
    <t>別紙４</t>
    <phoneticPr fontId="3"/>
  </si>
  <si>
    <t>別紙５</t>
    <phoneticPr fontId="3"/>
  </si>
  <si>
    <t>（B)欄には，補助基準額を単価として算出した額を記入すること。</t>
    <rPh sb="3" eb="4">
      <t>ラン</t>
    </rPh>
    <rPh sb="7" eb="9">
      <t>ホジョ</t>
    </rPh>
    <rPh sb="9" eb="11">
      <t>キジュン</t>
    </rPh>
    <rPh sb="11" eb="12">
      <t>ガク</t>
    </rPh>
    <rPh sb="13" eb="15">
      <t>タンカ</t>
    </rPh>
    <rPh sb="18" eb="20">
      <t>サンシュツ</t>
    </rPh>
    <rPh sb="22" eb="23">
      <t>ガク</t>
    </rPh>
    <rPh sb="24" eb="26">
      <t>キニュウ</t>
    </rPh>
    <phoneticPr fontId="3"/>
  </si>
  <si>
    <t>令和</t>
    <rPh sb="0" eb="2">
      <t>レイワ</t>
    </rPh>
    <phoneticPr fontId="3"/>
  </si>
  <si>
    <t>令和</t>
    <rPh sb="0" eb="2">
      <t>レイワ</t>
    </rPh>
    <phoneticPr fontId="3"/>
  </si>
  <si>
    <t>　令和</t>
    <rPh sb="1" eb="3">
      <t>レイワ</t>
    </rPh>
    <phoneticPr fontId="3"/>
  </si>
  <si>
    <t>日付け医人第</t>
    <rPh sb="4" eb="5">
      <t>ヒト</t>
    </rPh>
    <phoneticPr fontId="3"/>
  </si>
  <si>
    <t>（注）　金融機関名，預金種目，口座番号及び口座名義は，預金通帳で確認して記載してください。</t>
    <phoneticPr fontId="3"/>
  </si>
  <si>
    <t>　注１）研修医手当支給対象人数欄については，手当の支給対象となっている者の実人員を記載すること。</t>
    <rPh sb="4" eb="7">
      <t>ケンシュウイ</t>
    </rPh>
    <rPh sb="7" eb="8">
      <t>テ</t>
    </rPh>
    <rPh sb="8" eb="9">
      <t>ア</t>
    </rPh>
    <rPh sb="9" eb="11">
      <t>シキュウ</t>
    </rPh>
    <rPh sb="11" eb="13">
      <t>タイショウ</t>
    </rPh>
    <rPh sb="13" eb="14">
      <t>ヒト</t>
    </rPh>
    <rPh sb="14" eb="15">
      <t>スウ</t>
    </rPh>
    <rPh sb="15" eb="16">
      <t>ラン</t>
    </rPh>
    <rPh sb="22" eb="24">
      <t>テアテ</t>
    </rPh>
    <rPh sb="25" eb="27">
      <t>シキュウ</t>
    </rPh>
    <rPh sb="27" eb="29">
      <t>タイショウ</t>
    </rPh>
    <rPh sb="35" eb="36">
      <t>モノ</t>
    </rPh>
    <rPh sb="37" eb="38">
      <t>ジツ</t>
    </rPh>
    <rPh sb="38" eb="40">
      <t>ジンイン</t>
    </rPh>
    <rPh sb="41" eb="43">
      <t>キサイ</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76" formatCode="#,##0_ "/>
    <numFmt numFmtId="177" formatCode="#,##0_);[Red]\(#,##0\)"/>
    <numFmt numFmtId="178" formatCode="#,##0_ ;[Red]\-#,##0\ "/>
  </numFmts>
  <fonts count="16" x14ac:knownFonts="1">
    <font>
      <sz val="11"/>
      <name val="ＭＳ Ｐゴシック"/>
      <family val="3"/>
      <charset val="128"/>
    </font>
    <font>
      <sz val="11"/>
      <name val="ＭＳ Ｐゴシック"/>
      <family val="3"/>
      <charset val="128"/>
    </font>
    <font>
      <sz val="11"/>
      <name val="ＭＳ Ｐゴシック"/>
      <family val="3"/>
      <charset val="128"/>
    </font>
    <font>
      <sz val="6"/>
      <name val="ＭＳ Ｐゴシック"/>
      <family val="3"/>
      <charset val="128"/>
    </font>
    <font>
      <sz val="12"/>
      <name val="ＭＳ Ｐゴシック"/>
      <family val="3"/>
      <charset val="128"/>
    </font>
    <font>
      <sz val="14"/>
      <name val="ＭＳ Ｐゴシック"/>
      <family val="3"/>
      <charset val="128"/>
    </font>
    <font>
      <sz val="11"/>
      <name val="ＭＳ Ｐ明朝"/>
      <family val="1"/>
      <charset val="128"/>
    </font>
    <font>
      <sz val="14"/>
      <name val="ＭＳ Ｐ明朝"/>
      <family val="1"/>
      <charset val="128"/>
    </font>
    <font>
      <b/>
      <sz val="11"/>
      <name val="ＭＳ Ｐ明朝"/>
      <family val="1"/>
      <charset val="128"/>
    </font>
    <font>
      <b/>
      <sz val="16"/>
      <name val="ＭＳ Ｐ明朝"/>
      <family val="1"/>
      <charset val="128"/>
    </font>
    <font>
      <sz val="11"/>
      <color indexed="9"/>
      <name val="ＭＳ Ｐ明朝"/>
      <family val="1"/>
      <charset val="128"/>
    </font>
    <font>
      <sz val="12"/>
      <name val="ＭＳ Ｐ明朝"/>
      <family val="1"/>
      <charset val="128"/>
    </font>
    <font>
      <sz val="12"/>
      <color indexed="9"/>
      <name val="ＭＳ Ｐ明朝"/>
      <family val="1"/>
      <charset val="128"/>
    </font>
    <font>
      <b/>
      <sz val="18"/>
      <name val="ＭＳ Ｐゴシック"/>
      <family val="3"/>
      <charset val="128"/>
    </font>
    <font>
      <b/>
      <sz val="16"/>
      <name val="ＭＳ Ｐゴシック"/>
      <family val="3"/>
      <charset val="128"/>
    </font>
    <font>
      <sz val="9"/>
      <name val="ＭＳ Ｐ明朝"/>
      <family val="1"/>
      <charset val="128"/>
    </font>
  </fonts>
  <fills count="2">
    <fill>
      <patternFill patternType="none"/>
    </fill>
    <fill>
      <patternFill patternType="gray125"/>
    </fill>
  </fills>
  <borders count="25">
    <border>
      <left/>
      <right/>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style="medium">
        <color indexed="64"/>
      </left>
      <right/>
      <top style="medium">
        <color indexed="64"/>
      </top>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top/>
      <bottom style="medium">
        <color indexed="64"/>
      </bottom>
      <diagonal/>
    </border>
    <border>
      <left/>
      <right style="medium">
        <color indexed="64"/>
      </right>
      <top/>
      <bottom style="medium">
        <color indexed="64"/>
      </bottom>
      <diagonal/>
    </border>
    <border>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top/>
      <bottom/>
      <diagonal/>
    </border>
  </borders>
  <cellStyleXfs count="3">
    <xf numFmtId="0" fontId="0" fillId="0" borderId="0"/>
    <xf numFmtId="38" fontId="2" fillId="0" borderId="0" applyFont="0" applyFill="0" applyBorder="0" applyAlignment="0" applyProtection="0"/>
    <xf numFmtId="38" fontId="1" fillId="0" borderId="0" applyFont="0" applyFill="0" applyBorder="0" applyAlignment="0" applyProtection="0"/>
  </cellStyleXfs>
  <cellXfs count="143">
    <xf numFmtId="0" fontId="0" fillId="0" borderId="0" xfId="0"/>
    <xf numFmtId="0" fontId="0" fillId="0" borderId="0" xfId="0" applyAlignment="1">
      <alignment vertical="center"/>
    </xf>
    <xf numFmtId="0" fontId="0" fillId="0" borderId="0" xfId="0" applyBorder="1"/>
    <xf numFmtId="0" fontId="0" fillId="0" borderId="0" xfId="0" applyAlignment="1"/>
    <xf numFmtId="0" fontId="0" fillId="0" borderId="0" xfId="0" applyAlignment="1">
      <alignment horizontal="left" vertical="center" wrapText="1" indent="1"/>
    </xf>
    <xf numFmtId="0" fontId="1" fillId="0" borderId="0" xfId="0" applyFont="1" applyAlignment="1">
      <alignment vertical="center"/>
    </xf>
    <xf numFmtId="0" fontId="1" fillId="0" borderId="0" xfId="0" applyFont="1" applyAlignment="1">
      <alignment horizontal="center" vertical="center" wrapText="1"/>
    </xf>
    <xf numFmtId="0" fontId="1" fillId="0" borderId="0" xfId="0" applyFont="1" applyAlignment="1">
      <alignment horizontal="center" vertical="center"/>
    </xf>
    <xf numFmtId="0" fontId="0" fillId="0" borderId="0" xfId="0" applyAlignment="1">
      <alignment horizontal="left" vertical="center"/>
    </xf>
    <xf numFmtId="0" fontId="0" fillId="0" borderId="1" xfId="0" applyBorder="1"/>
    <xf numFmtId="0" fontId="0" fillId="0" borderId="2" xfId="0" applyBorder="1"/>
    <xf numFmtId="0" fontId="0" fillId="0" borderId="3" xfId="0" applyBorder="1"/>
    <xf numFmtId="0" fontId="0" fillId="0" borderId="4" xfId="0" applyBorder="1"/>
    <xf numFmtId="0" fontId="1" fillId="0" borderId="3" xfId="0" applyFont="1" applyBorder="1" applyAlignment="1">
      <alignment horizontal="right" vertical="center"/>
    </xf>
    <xf numFmtId="0" fontId="1" fillId="0" borderId="3" xfId="0" applyFont="1" applyBorder="1" applyAlignment="1">
      <alignment vertical="center"/>
    </xf>
    <xf numFmtId="0" fontId="1" fillId="0" borderId="0" xfId="0" applyFont="1" applyBorder="1" applyAlignment="1">
      <alignment horizontal="center" vertical="center" wrapText="1"/>
    </xf>
    <xf numFmtId="0" fontId="1" fillId="0" borderId="4" xfId="0" applyFont="1" applyBorder="1" applyAlignment="1">
      <alignment horizontal="center" vertical="center" wrapText="1"/>
    </xf>
    <xf numFmtId="0" fontId="1" fillId="0" borderId="5" xfId="0" applyFont="1" applyBorder="1" applyAlignment="1">
      <alignment horizontal="right" vertical="center"/>
    </xf>
    <xf numFmtId="0" fontId="4" fillId="0" borderId="6" xfId="0" applyFont="1" applyBorder="1" applyAlignment="1">
      <alignment horizontal="left" vertical="center" indent="1"/>
    </xf>
    <xf numFmtId="0" fontId="6" fillId="0" borderId="0" xfId="0" applyFont="1" applyBorder="1"/>
    <xf numFmtId="0" fontId="6" fillId="0" borderId="0" xfId="0" applyFont="1"/>
    <xf numFmtId="0" fontId="6" fillId="0" borderId="0" xfId="0" applyFont="1" applyAlignment="1">
      <alignment horizontal="center"/>
    </xf>
    <xf numFmtId="0" fontId="6" fillId="0" borderId="0" xfId="0" applyFont="1" applyAlignment="1">
      <alignment vertical="center"/>
    </xf>
    <xf numFmtId="0" fontId="6" fillId="0" borderId="0" xfId="0" applyFont="1" applyAlignment="1">
      <alignment horizontal="center" vertical="center"/>
    </xf>
    <xf numFmtId="0" fontId="6" fillId="0" borderId="7" xfId="0" applyFont="1" applyBorder="1" applyAlignment="1">
      <alignment horizontal="center"/>
    </xf>
    <xf numFmtId="0" fontId="6" fillId="0" borderId="8" xfId="0" applyFont="1" applyBorder="1"/>
    <xf numFmtId="0" fontId="6" fillId="0" borderId="7" xfId="0" applyFont="1" applyBorder="1"/>
    <xf numFmtId="0" fontId="6" fillId="0" borderId="0" xfId="0" applyFont="1" applyAlignment="1">
      <alignment horizontal="left" vertical="center"/>
    </xf>
    <xf numFmtId="0" fontId="8" fillId="0" borderId="0" xfId="0" applyFont="1" applyAlignment="1">
      <alignment vertical="center"/>
    </xf>
    <xf numFmtId="0" fontId="6" fillId="0" borderId="9" xfId="0" applyFont="1" applyBorder="1" applyAlignment="1">
      <alignment vertical="center"/>
    </xf>
    <xf numFmtId="0" fontId="6" fillId="0" borderId="9" xfId="0" applyFont="1" applyBorder="1" applyAlignment="1">
      <alignment horizontal="center" vertical="center"/>
    </xf>
    <xf numFmtId="0" fontId="6" fillId="0" borderId="0" xfId="0" applyFont="1" applyBorder="1" applyAlignment="1">
      <alignment horizontal="center" vertical="center"/>
    </xf>
    <xf numFmtId="0" fontId="8" fillId="0" borderId="0" xfId="0" applyFont="1"/>
    <xf numFmtId="0" fontId="9" fillId="0" borderId="0" xfId="0" applyFont="1" applyAlignment="1">
      <alignment horizontal="center"/>
    </xf>
    <xf numFmtId="0" fontId="6" fillId="0" borderId="0" xfId="0" applyFont="1" applyAlignment="1">
      <alignment vertical="top"/>
    </xf>
    <xf numFmtId="0" fontId="6" fillId="0" borderId="10" xfId="0" applyFont="1" applyBorder="1"/>
    <xf numFmtId="0" fontId="6" fillId="0" borderId="11" xfId="0" applyFont="1" applyBorder="1"/>
    <xf numFmtId="0" fontId="6" fillId="0" borderId="12" xfId="0" applyFont="1" applyBorder="1"/>
    <xf numFmtId="0" fontId="6" fillId="0" borderId="13" xfId="0" applyFont="1" applyBorder="1"/>
    <xf numFmtId="0" fontId="10" fillId="0" borderId="0" xfId="0" applyFont="1"/>
    <xf numFmtId="0" fontId="11" fillId="0" borderId="0" xfId="0" applyFont="1"/>
    <xf numFmtId="0" fontId="11" fillId="0" borderId="0" xfId="0" applyFont="1" applyAlignment="1">
      <alignment horizontal="center"/>
    </xf>
    <xf numFmtId="0" fontId="12" fillId="0" borderId="0" xfId="0" applyFont="1"/>
    <xf numFmtId="0" fontId="11" fillId="0" borderId="0" xfId="0" applyFont="1" applyAlignment="1">
      <alignment horizontal="left"/>
    </xf>
    <xf numFmtId="0" fontId="11" fillId="0" borderId="0" xfId="0" applyFont="1" applyAlignment="1">
      <alignment horizontal="right"/>
    </xf>
    <xf numFmtId="178" fontId="6" fillId="0" borderId="16" xfId="1" applyNumberFormat="1" applyFont="1" applyBorder="1" applyAlignment="1">
      <alignment horizontal="center"/>
    </xf>
    <xf numFmtId="178" fontId="6" fillId="0" borderId="8" xfId="1" applyNumberFormat="1" applyFont="1" applyBorder="1" applyAlignment="1">
      <alignment horizontal="center"/>
    </xf>
    <xf numFmtId="0" fontId="6" fillId="0" borderId="16" xfId="0" applyFont="1" applyBorder="1" applyAlignment="1">
      <alignment horizontal="center" vertical="center"/>
    </xf>
    <xf numFmtId="0" fontId="6" fillId="0" borderId="0" xfId="0" applyFont="1" applyBorder="1" applyAlignment="1">
      <alignment horizontal="center"/>
    </xf>
    <xf numFmtId="0" fontId="6" fillId="0" borderId="7" xfId="0" applyFont="1" applyBorder="1" applyAlignment="1">
      <alignment horizontal="center" vertical="center"/>
    </xf>
    <xf numFmtId="0" fontId="0" fillId="0" borderId="0" xfId="0" applyAlignment="1">
      <alignment horizontal="center" vertical="center"/>
    </xf>
    <xf numFmtId="38" fontId="0" fillId="0" borderId="7" xfId="2" applyFont="1" applyBorder="1" applyAlignment="1">
      <alignment horizontal="center"/>
    </xf>
    <xf numFmtId="38" fontId="0" fillId="0" borderId="8" xfId="2" applyFont="1" applyBorder="1" applyAlignment="1">
      <alignment horizontal="center"/>
    </xf>
    <xf numFmtId="38" fontId="0" fillId="0" borderId="0" xfId="2" applyFont="1" applyAlignment="1">
      <alignment horizontal="right"/>
    </xf>
    <xf numFmtId="0" fontId="14" fillId="0" borderId="0" xfId="0" applyFont="1"/>
    <xf numFmtId="0" fontId="6" fillId="0" borderId="0" xfId="0" applyFont="1" applyBorder="1" applyAlignment="1"/>
    <xf numFmtId="0" fontId="6" fillId="0" borderId="13" xfId="0" applyFont="1" applyBorder="1" applyAlignment="1"/>
    <xf numFmtId="0" fontId="6" fillId="0" borderId="0" xfId="0" applyFont="1" applyAlignment="1">
      <alignment vertical="top" wrapText="1"/>
    </xf>
    <xf numFmtId="0" fontId="5" fillId="0" borderId="0" xfId="0" applyFont="1" applyAlignment="1">
      <alignment horizontal="center"/>
    </xf>
    <xf numFmtId="0" fontId="4" fillId="0" borderId="0" xfId="0" applyFont="1" applyAlignment="1">
      <alignment horizontal="left" vertical="center"/>
    </xf>
    <xf numFmtId="0" fontId="1" fillId="0" borderId="0" xfId="0" applyFont="1" applyBorder="1" applyAlignment="1">
      <alignment horizontal="left" vertical="center" wrapText="1" indent="1"/>
    </xf>
    <xf numFmtId="0" fontId="1" fillId="0" borderId="4" xfId="0" applyFont="1" applyBorder="1" applyAlignment="1">
      <alignment horizontal="left" vertical="center" wrapText="1" indent="1"/>
    </xf>
    <xf numFmtId="0" fontId="0" fillId="0" borderId="0" xfId="0" applyAlignment="1">
      <alignment horizontal="left" vertical="center" wrapText="1" indent="1"/>
    </xf>
    <xf numFmtId="0" fontId="1" fillId="0" borderId="14" xfId="0" applyFont="1" applyBorder="1" applyAlignment="1">
      <alignment horizontal="left" vertical="center" wrapText="1" indent="1"/>
    </xf>
    <xf numFmtId="0" fontId="1" fillId="0" borderId="15" xfId="0" applyFont="1" applyBorder="1" applyAlignment="1">
      <alignment horizontal="left" vertical="center" wrapText="1" indent="1"/>
    </xf>
    <xf numFmtId="0" fontId="4" fillId="0" borderId="17" xfId="0" applyFont="1" applyBorder="1" applyAlignment="1">
      <alignment horizontal="left" vertical="center"/>
    </xf>
    <xf numFmtId="0" fontId="4" fillId="0" borderId="18" xfId="0" applyFont="1" applyBorder="1" applyAlignment="1">
      <alignment horizontal="left" vertical="center"/>
    </xf>
    <xf numFmtId="0" fontId="4" fillId="0" borderId="19" xfId="0" applyFont="1" applyBorder="1" applyAlignment="1">
      <alignment horizontal="left" vertical="center"/>
    </xf>
    <xf numFmtId="0" fontId="4" fillId="0" borderId="17" xfId="0" applyFont="1" applyBorder="1" applyAlignment="1">
      <alignment horizontal="left" vertical="center" wrapText="1"/>
    </xf>
    <xf numFmtId="0" fontId="11" fillId="0" borderId="0" xfId="0" applyFont="1" applyAlignment="1">
      <alignment horizontal="center"/>
    </xf>
    <xf numFmtId="0" fontId="8" fillId="0" borderId="0" xfId="0" applyFont="1" applyAlignment="1">
      <alignment horizontal="left" vertical="center" wrapText="1"/>
    </xf>
    <xf numFmtId="0" fontId="7" fillId="0" borderId="0" xfId="0" applyFont="1" applyAlignment="1">
      <alignment horizontal="center"/>
    </xf>
    <xf numFmtId="0" fontId="6" fillId="0" borderId="20" xfId="0" applyFont="1" applyBorder="1" applyAlignment="1">
      <alignment horizontal="center"/>
    </xf>
    <xf numFmtId="0" fontId="6" fillId="0" borderId="7" xfId="0" applyFont="1" applyBorder="1" applyAlignment="1">
      <alignment horizontal="center"/>
    </xf>
    <xf numFmtId="0" fontId="6" fillId="0" borderId="21" xfId="0" applyFont="1" applyBorder="1" applyAlignment="1">
      <alignment horizontal="center"/>
    </xf>
    <xf numFmtId="0" fontId="6" fillId="0" borderId="22" xfId="0" applyFont="1" applyBorder="1" applyAlignment="1">
      <alignment horizontal="center"/>
    </xf>
    <xf numFmtId="0" fontId="6" fillId="0" borderId="22" xfId="0" applyFont="1" applyBorder="1" applyAlignment="1">
      <alignment horizontal="center" vertical="center" wrapText="1"/>
    </xf>
    <xf numFmtId="0" fontId="6" fillId="0" borderId="22" xfId="0" applyFont="1" applyBorder="1" applyAlignment="1">
      <alignment horizontal="center" vertical="center"/>
    </xf>
    <xf numFmtId="0" fontId="6" fillId="0" borderId="21" xfId="0" applyFont="1" applyBorder="1" applyAlignment="1">
      <alignment horizontal="center" vertical="center" wrapText="1"/>
    </xf>
    <xf numFmtId="0" fontId="6" fillId="0" borderId="16" xfId="0" applyFont="1" applyBorder="1" applyAlignment="1">
      <alignment horizontal="center" vertical="center"/>
    </xf>
    <xf numFmtId="0" fontId="6" fillId="0" borderId="0" xfId="0" applyFont="1" applyAlignment="1">
      <alignment horizontal="center"/>
    </xf>
    <xf numFmtId="0" fontId="6" fillId="0" borderId="21" xfId="0" applyFont="1" applyBorder="1" applyAlignment="1">
      <alignment horizontal="center" vertical="center"/>
    </xf>
    <xf numFmtId="176" fontId="6" fillId="0" borderId="21" xfId="0" applyNumberFormat="1" applyFont="1" applyBorder="1" applyAlignment="1">
      <alignment horizontal="center" vertical="center"/>
    </xf>
    <xf numFmtId="176" fontId="6" fillId="0" borderId="22" xfId="0" applyNumberFormat="1" applyFont="1" applyBorder="1" applyAlignment="1">
      <alignment horizontal="center" vertical="center"/>
    </xf>
    <xf numFmtId="176" fontId="6" fillId="0" borderId="16" xfId="0" applyNumberFormat="1" applyFont="1" applyBorder="1" applyAlignment="1">
      <alignment horizontal="center" vertical="center"/>
    </xf>
    <xf numFmtId="0" fontId="6" fillId="0" borderId="9" xfId="0" applyFont="1" applyBorder="1" applyAlignment="1">
      <alignment horizontal="center" vertical="center"/>
    </xf>
    <xf numFmtId="176" fontId="6" fillId="0" borderId="9" xfId="0" applyNumberFormat="1" applyFont="1" applyBorder="1" applyAlignment="1">
      <alignment horizontal="center" vertical="center"/>
    </xf>
    <xf numFmtId="177" fontId="6" fillId="0" borderId="9" xfId="0" applyNumberFormat="1" applyFont="1" applyBorder="1" applyAlignment="1">
      <alignment horizontal="center" vertical="center"/>
    </xf>
    <xf numFmtId="0" fontId="6" fillId="0" borderId="0" xfId="0" applyFont="1" applyAlignment="1">
      <alignment horizontal="left"/>
    </xf>
    <xf numFmtId="0" fontId="6" fillId="0" borderId="23" xfId="0" applyFont="1" applyBorder="1" applyAlignment="1">
      <alignment horizontal="center" vertical="center"/>
    </xf>
    <xf numFmtId="0" fontId="6" fillId="0" borderId="9" xfId="0" applyFont="1" applyBorder="1" applyAlignment="1">
      <alignment horizontal="center" vertical="center" wrapText="1"/>
    </xf>
    <xf numFmtId="0" fontId="6" fillId="0" borderId="0" xfId="0" applyFont="1" applyAlignment="1">
      <alignment horizontal="left" vertical="top" wrapText="1"/>
    </xf>
    <xf numFmtId="0" fontId="9" fillId="0" borderId="0" xfId="0" applyFont="1" applyAlignment="1">
      <alignment horizontal="center"/>
    </xf>
    <xf numFmtId="0" fontId="6" fillId="0" borderId="9" xfId="0" applyFont="1" applyBorder="1" applyAlignment="1">
      <alignment horizontal="left"/>
    </xf>
    <xf numFmtId="0" fontId="6" fillId="0" borderId="0" xfId="0" applyFont="1" applyBorder="1" applyAlignment="1">
      <alignment horizontal="center"/>
    </xf>
    <xf numFmtId="0" fontId="6" fillId="0" borderId="13" xfId="0" applyFont="1" applyBorder="1" applyAlignment="1">
      <alignment horizontal="center"/>
    </xf>
    <xf numFmtId="0" fontId="6" fillId="0" borderId="16" xfId="0" applyFont="1" applyBorder="1" applyAlignment="1">
      <alignment horizontal="center"/>
    </xf>
    <xf numFmtId="178" fontId="6" fillId="0" borderId="21" xfId="1" applyNumberFormat="1" applyFont="1" applyBorder="1" applyAlignment="1">
      <alignment horizontal="right"/>
    </xf>
    <xf numFmtId="178" fontId="6" fillId="0" borderId="22" xfId="1" applyNumberFormat="1" applyFont="1" applyBorder="1" applyAlignment="1">
      <alignment horizontal="right"/>
    </xf>
    <xf numFmtId="0" fontId="6" fillId="0" borderId="10" xfId="0" applyFont="1" applyBorder="1" applyAlignment="1">
      <alignment horizontal="center" vertical="center" wrapText="1"/>
    </xf>
    <xf numFmtId="0" fontId="6" fillId="0" borderId="11" xfId="0" applyFont="1" applyBorder="1" applyAlignment="1">
      <alignment horizontal="center" vertical="center" wrapText="1"/>
    </xf>
    <xf numFmtId="0" fontId="6" fillId="0" borderId="24" xfId="0" applyFont="1" applyBorder="1" applyAlignment="1">
      <alignment horizontal="center" vertical="center" wrapText="1"/>
    </xf>
    <xf numFmtId="0" fontId="6" fillId="0" borderId="0" xfId="0" applyFont="1" applyBorder="1" applyAlignment="1">
      <alignment horizontal="center" vertical="center" wrapText="1"/>
    </xf>
    <xf numFmtId="0" fontId="6" fillId="0" borderId="20" xfId="0" applyFont="1" applyBorder="1" applyAlignment="1">
      <alignment horizontal="center" vertical="center" wrapText="1"/>
    </xf>
    <xf numFmtId="0" fontId="6" fillId="0" borderId="7" xfId="0" applyFont="1" applyBorder="1" applyAlignment="1">
      <alignment horizontal="center" vertical="center" wrapText="1"/>
    </xf>
    <xf numFmtId="0" fontId="6" fillId="0" borderId="11" xfId="0" applyFont="1" applyBorder="1" applyAlignment="1">
      <alignment horizontal="center"/>
    </xf>
    <xf numFmtId="0" fontId="6" fillId="0" borderId="10" xfId="0" applyFont="1" applyBorder="1" applyAlignment="1">
      <alignment horizontal="center"/>
    </xf>
    <xf numFmtId="178" fontId="6" fillId="0" borderId="24" xfId="1" applyNumberFormat="1" applyFont="1" applyBorder="1" applyAlignment="1">
      <alignment horizontal="right"/>
    </xf>
    <xf numFmtId="178" fontId="6" fillId="0" borderId="0" xfId="1" applyNumberFormat="1" applyFont="1" applyBorder="1" applyAlignment="1">
      <alignment horizontal="right"/>
    </xf>
    <xf numFmtId="178" fontId="6" fillId="0" borderId="13" xfId="1" applyNumberFormat="1" applyFont="1" applyBorder="1" applyAlignment="1">
      <alignment horizontal="right"/>
    </xf>
    <xf numFmtId="178" fontId="6" fillId="0" borderId="20" xfId="1" applyNumberFormat="1" applyFont="1" applyBorder="1" applyAlignment="1">
      <alignment horizontal="right"/>
    </xf>
    <xf numFmtId="178" fontId="6" fillId="0" borderId="7" xfId="1" applyNumberFormat="1" applyFont="1" applyBorder="1" applyAlignment="1">
      <alignment horizontal="right"/>
    </xf>
    <xf numFmtId="178" fontId="6" fillId="0" borderId="8" xfId="1" applyNumberFormat="1" applyFont="1" applyBorder="1" applyAlignment="1">
      <alignment horizontal="right"/>
    </xf>
    <xf numFmtId="0" fontId="6" fillId="0" borderId="24" xfId="0" applyFont="1" applyBorder="1" applyAlignment="1">
      <alignment horizontal="center"/>
    </xf>
    <xf numFmtId="0" fontId="6" fillId="0" borderId="8" xfId="0" applyFont="1" applyBorder="1" applyAlignment="1">
      <alignment horizontal="center"/>
    </xf>
    <xf numFmtId="0" fontId="6" fillId="0" borderId="24" xfId="0" applyFont="1" applyBorder="1" applyAlignment="1">
      <alignment horizontal="left"/>
    </xf>
    <xf numFmtId="0" fontId="6" fillId="0" borderId="0" xfId="0" applyFont="1" applyBorder="1" applyAlignment="1">
      <alignment horizontal="left"/>
    </xf>
    <xf numFmtId="0" fontId="6" fillId="0" borderId="13" xfId="0" applyFont="1" applyBorder="1" applyAlignment="1">
      <alignment horizontal="left"/>
    </xf>
    <xf numFmtId="0" fontId="6" fillId="0" borderId="20"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178" fontId="6" fillId="0" borderId="10" xfId="1" applyNumberFormat="1" applyFont="1" applyBorder="1" applyAlignment="1">
      <alignment horizontal="right"/>
    </xf>
    <xf numFmtId="178" fontId="6" fillId="0" borderId="11" xfId="1" applyNumberFormat="1" applyFont="1" applyBorder="1" applyAlignment="1">
      <alignment horizontal="right"/>
    </xf>
    <xf numFmtId="178" fontId="6" fillId="0" borderId="12" xfId="1" applyNumberFormat="1" applyFont="1" applyBorder="1" applyAlignment="1">
      <alignment horizontal="right"/>
    </xf>
    <xf numFmtId="0" fontId="6" fillId="0" borderId="12" xfId="0" applyFont="1" applyBorder="1" applyAlignment="1">
      <alignment horizontal="center"/>
    </xf>
    <xf numFmtId="0" fontId="13" fillId="0" borderId="0" xfId="0" applyFont="1" applyAlignment="1">
      <alignment horizontal="left"/>
    </xf>
    <xf numFmtId="0" fontId="0" fillId="0" borderId="0" xfId="0" applyAlignment="1">
      <alignment horizontal="left"/>
    </xf>
    <xf numFmtId="0" fontId="0" fillId="0" borderId="0" xfId="0" applyAlignment="1">
      <alignment horizontal="center"/>
    </xf>
    <xf numFmtId="0" fontId="0" fillId="0" borderId="21" xfId="0" applyBorder="1" applyAlignment="1">
      <alignment horizontal="center" vertical="center" wrapText="1"/>
    </xf>
    <xf numFmtId="0" fontId="0" fillId="0" borderId="22" xfId="0" applyBorder="1" applyAlignment="1">
      <alignment horizontal="center" vertical="center" wrapText="1"/>
    </xf>
    <xf numFmtId="0" fontId="0" fillId="0" borderId="16" xfId="0" applyBorder="1" applyAlignment="1">
      <alignment horizontal="center" vertical="center" wrapText="1"/>
    </xf>
    <xf numFmtId="0" fontId="0" fillId="0" borderId="0" xfId="0" applyAlignment="1">
      <alignment horizontal="left" vertical="center" wrapText="1"/>
    </xf>
    <xf numFmtId="38" fontId="0" fillId="0" borderId="20" xfId="2" applyFont="1" applyBorder="1" applyAlignment="1">
      <alignment horizontal="right"/>
    </xf>
    <xf numFmtId="38" fontId="0" fillId="0" borderId="7" xfId="2" applyFont="1" applyBorder="1" applyAlignment="1">
      <alignment horizontal="right"/>
    </xf>
    <xf numFmtId="38" fontId="0" fillId="0" borderId="21" xfId="2" applyFont="1" applyBorder="1" applyAlignment="1">
      <alignment horizontal="right"/>
    </xf>
    <xf numFmtId="38" fontId="0" fillId="0" borderId="22" xfId="2" applyFont="1" applyBorder="1" applyAlignment="1">
      <alignment horizontal="right"/>
    </xf>
    <xf numFmtId="0" fontId="9" fillId="0" borderId="0" xfId="0" applyFont="1" applyAlignment="1">
      <alignment horizontal="center" vertical="center"/>
    </xf>
    <xf numFmtId="0" fontId="15" fillId="0" borderId="0" xfId="0" applyFont="1" applyBorder="1" applyAlignment="1">
      <alignment horizontal="center"/>
    </xf>
    <xf numFmtId="3" fontId="6" fillId="0" borderId="0" xfId="0" applyNumberFormat="1" applyFont="1" applyBorder="1" applyAlignment="1">
      <alignment horizontal="right"/>
    </xf>
    <xf numFmtId="0" fontId="6" fillId="0" borderId="0" xfId="0" applyFont="1" applyBorder="1" applyAlignment="1">
      <alignment horizontal="right"/>
    </xf>
    <xf numFmtId="0" fontId="6" fillId="0" borderId="7" xfId="0" applyFont="1" applyBorder="1" applyAlignment="1">
      <alignment horizontal="right"/>
    </xf>
    <xf numFmtId="3" fontId="6" fillId="0" borderId="21" xfId="0" applyNumberFormat="1" applyFont="1" applyBorder="1" applyAlignment="1">
      <alignment horizontal="right" vertical="center"/>
    </xf>
    <xf numFmtId="0" fontId="6" fillId="0" borderId="22" xfId="0" applyFont="1" applyBorder="1" applyAlignment="1">
      <alignment horizontal="right" vertical="center"/>
    </xf>
  </cellXfs>
  <cellStyles count="3">
    <cellStyle name="桁区切り" xfId="1" builtinId="6"/>
    <cellStyle name="桁区切り 2" xfId="2"/>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twoCellAnchor>
    <xdr:from>
      <xdr:col>3</xdr:col>
      <xdr:colOff>581025</xdr:colOff>
      <xdr:row>3</xdr:row>
      <xdr:rowOff>85725</xdr:rowOff>
    </xdr:from>
    <xdr:to>
      <xdr:col>4</xdr:col>
      <xdr:colOff>485775</xdr:colOff>
      <xdr:row>3</xdr:row>
      <xdr:rowOff>361950</xdr:rowOff>
    </xdr:to>
    <xdr:sp macro="" textlink="">
      <xdr:nvSpPr>
        <xdr:cNvPr id="36865" name="AutoShape 1"/>
        <xdr:cNvSpPr>
          <a:spLocks noChangeArrowheads="1"/>
        </xdr:cNvSpPr>
      </xdr:nvSpPr>
      <xdr:spPr bwMode="auto">
        <a:xfrm>
          <a:off x="2019300" y="1352550"/>
          <a:ext cx="590550" cy="276225"/>
        </a:xfrm>
        <a:prstGeom prst="downArrow">
          <a:avLst>
            <a:gd name="adj1" fmla="val 50000"/>
            <a:gd name="adj2" fmla="val 25000"/>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581025</xdr:colOff>
      <xdr:row>12</xdr:row>
      <xdr:rowOff>85725</xdr:rowOff>
    </xdr:from>
    <xdr:to>
      <xdr:col>4</xdr:col>
      <xdr:colOff>485775</xdr:colOff>
      <xdr:row>12</xdr:row>
      <xdr:rowOff>361950</xdr:rowOff>
    </xdr:to>
    <xdr:sp macro="" textlink="">
      <xdr:nvSpPr>
        <xdr:cNvPr id="36866" name="AutoShape 2"/>
        <xdr:cNvSpPr>
          <a:spLocks noChangeArrowheads="1"/>
        </xdr:cNvSpPr>
      </xdr:nvSpPr>
      <xdr:spPr bwMode="auto">
        <a:xfrm>
          <a:off x="2019300" y="4467225"/>
          <a:ext cx="590550" cy="276225"/>
        </a:xfrm>
        <a:prstGeom prst="downArrow">
          <a:avLst>
            <a:gd name="adj1" fmla="val 50000"/>
            <a:gd name="adj2" fmla="val 25000"/>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12</xdr:col>
      <xdr:colOff>114300</xdr:colOff>
      <xdr:row>8</xdr:row>
      <xdr:rowOff>28575</xdr:rowOff>
    </xdr:from>
    <xdr:to>
      <xdr:col>25</xdr:col>
      <xdr:colOff>38100</xdr:colOff>
      <xdr:row>12</xdr:row>
      <xdr:rowOff>38100</xdr:rowOff>
    </xdr:to>
    <xdr:sp macro="" textlink="">
      <xdr:nvSpPr>
        <xdr:cNvPr id="37889" name="AutoShape 1"/>
        <xdr:cNvSpPr>
          <a:spLocks noChangeArrowheads="1"/>
        </xdr:cNvSpPr>
      </xdr:nvSpPr>
      <xdr:spPr bwMode="auto">
        <a:xfrm>
          <a:off x="3429000" y="1609725"/>
          <a:ext cx="3514725" cy="93345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190500</xdr:colOff>
      <xdr:row>8</xdr:row>
      <xdr:rowOff>47625</xdr:rowOff>
    </xdr:from>
    <xdr:to>
      <xdr:col>3</xdr:col>
      <xdr:colOff>236219</xdr:colOff>
      <xdr:row>11</xdr:row>
      <xdr:rowOff>0</xdr:rowOff>
    </xdr:to>
    <xdr:sp macro="" textlink="">
      <xdr:nvSpPr>
        <xdr:cNvPr id="35841" name="AutoShape 1"/>
        <xdr:cNvSpPr>
          <a:spLocks/>
        </xdr:cNvSpPr>
      </xdr:nvSpPr>
      <xdr:spPr bwMode="auto">
        <a:xfrm>
          <a:off x="977900" y="2727325"/>
          <a:ext cx="45719" cy="714375"/>
        </a:xfrm>
        <a:prstGeom prst="leftBracket">
          <a:avLst>
            <a:gd name="adj" fmla="val 150000"/>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17</xdr:col>
      <xdr:colOff>95250</xdr:colOff>
      <xdr:row>6</xdr:row>
      <xdr:rowOff>333375</xdr:rowOff>
    </xdr:from>
    <xdr:to>
      <xdr:col>20</xdr:col>
      <xdr:colOff>219075</xdr:colOff>
      <xdr:row>8</xdr:row>
      <xdr:rowOff>0</xdr:rowOff>
    </xdr:to>
    <xdr:sp macro="" textlink="">
      <xdr:nvSpPr>
        <xdr:cNvPr id="2" name="Rectangle 5"/>
        <xdr:cNvSpPr>
          <a:spLocks noChangeArrowheads="1"/>
        </xdr:cNvSpPr>
      </xdr:nvSpPr>
      <xdr:spPr bwMode="auto">
        <a:xfrm>
          <a:off x="4791075" y="2571750"/>
          <a:ext cx="952500" cy="485775"/>
        </a:xfrm>
        <a:prstGeom prst="rect">
          <a:avLst/>
        </a:prstGeom>
        <a:noFill/>
        <a:ln w="38100">
          <a:solidFill>
            <a:srgbClr xmlns:mc="http://schemas.openxmlformats.org/markup-compatibility/2006" xmlns:a14="http://schemas.microsoft.com/office/drawing/2010/main" val="000000" mc:Ignorable="a14" a14:legacySpreadsheetColorIndex="64"/>
          </a:solidFill>
          <a:miter lim="800000"/>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1</xdr:col>
      <xdr:colOff>114300</xdr:colOff>
      <xdr:row>6</xdr:row>
      <xdr:rowOff>285750</xdr:rowOff>
    </xdr:from>
    <xdr:to>
      <xdr:col>33</xdr:col>
      <xdr:colOff>66675</xdr:colOff>
      <xdr:row>7</xdr:row>
      <xdr:rowOff>123825</xdr:rowOff>
    </xdr:to>
    <xdr:sp macro="" textlink="">
      <xdr:nvSpPr>
        <xdr:cNvPr id="3" name="Rectangle 6"/>
        <xdr:cNvSpPr>
          <a:spLocks noChangeArrowheads="1"/>
        </xdr:cNvSpPr>
      </xdr:nvSpPr>
      <xdr:spPr bwMode="auto">
        <a:xfrm>
          <a:off x="8677275" y="2524125"/>
          <a:ext cx="504825" cy="485775"/>
        </a:xfrm>
        <a:prstGeom prst="rect">
          <a:avLst/>
        </a:prstGeom>
        <a:noFill/>
        <a:ln w="38100">
          <a:solidFill>
            <a:srgbClr xmlns:mc="http://schemas.openxmlformats.org/markup-compatibility/2006" xmlns:a14="http://schemas.microsoft.com/office/drawing/2010/main" val="000000" mc:Ignorable="a14" a14:legacySpreadsheetColorIndex="64"/>
          </a:solidFill>
          <a:miter lim="800000"/>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0</xdr:col>
      <xdr:colOff>209550</xdr:colOff>
      <xdr:row>11</xdr:row>
      <xdr:rowOff>114300</xdr:rowOff>
    </xdr:from>
    <xdr:to>
      <xdr:col>11</xdr:col>
      <xdr:colOff>57150</xdr:colOff>
      <xdr:row>21</xdr:row>
      <xdr:rowOff>19050</xdr:rowOff>
    </xdr:to>
    <xdr:sp macro="" textlink="">
      <xdr:nvSpPr>
        <xdr:cNvPr id="4" name="Text Box 7"/>
        <xdr:cNvSpPr txBox="1">
          <a:spLocks noChangeArrowheads="1"/>
        </xdr:cNvSpPr>
      </xdr:nvSpPr>
      <xdr:spPr bwMode="auto">
        <a:xfrm>
          <a:off x="209550" y="3743325"/>
          <a:ext cx="2886075" cy="1895475"/>
        </a:xfrm>
        <a:prstGeom prst="rect">
          <a:avLst/>
        </a:prstGeom>
        <a:solidFill>
          <a:srgbClr xmlns:mc="http://schemas.openxmlformats.org/markup-compatibility/2006" xmlns:a14="http://schemas.microsoft.com/office/drawing/2010/main" val="FFFFFF" mc:Ignorable="a14" a14:legacySpreadsheetColorIndex="9"/>
        </a:solidFill>
        <a:ln w="38100">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例示】○○病院（補助率1/2交付決定額50万円）</a:t>
          </a:r>
        </a:p>
        <a:p>
          <a:pPr algn="l" rtl="0">
            <a:lnSpc>
              <a:spcPts val="1400"/>
            </a:lnSpc>
            <a:defRPr sz="1000"/>
          </a:pPr>
          <a:endParaRPr lang="ja-JP" altLang="en-US" sz="1200" b="0" i="0" u="none" strike="noStrike" baseline="0">
            <a:solidFill>
              <a:srgbClr val="000000"/>
            </a:solidFill>
            <a:latin typeface="ＭＳ Ｐゴシック"/>
            <a:ea typeface="ＭＳ Ｐゴシック"/>
          </a:endParaRPr>
        </a:p>
        <a:p>
          <a:pPr algn="l" rtl="0">
            <a:lnSpc>
              <a:spcPts val="1400"/>
            </a:lnSpc>
            <a:defRPr sz="1000"/>
          </a:pPr>
          <a:r>
            <a:rPr lang="ja-JP" altLang="en-US" sz="1200" b="0" i="0" u="none" strike="noStrike" baseline="0">
              <a:solidFill>
                <a:srgbClr val="000000"/>
              </a:solidFill>
              <a:latin typeface="ＭＳ Ｐゴシック"/>
              <a:ea typeface="ＭＳ Ｐゴシック"/>
            </a:rPr>
            <a:t>研修医１人当たり支給単価　３万円</a:t>
          </a:r>
        </a:p>
        <a:p>
          <a:pPr algn="l" rtl="0">
            <a:lnSpc>
              <a:spcPts val="1400"/>
            </a:lnSpc>
            <a:defRPr sz="1000"/>
          </a:pPr>
          <a:r>
            <a:rPr lang="ja-JP" altLang="en-US" sz="1200" b="0" i="0" u="none" strike="noStrike" baseline="0">
              <a:solidFill>
                <a:srgbClr val="000000"/>
              </a:solidFill>
              <a:latin typeface="ＭＳ Ｐゴシック"/>
              <a:ea typeface="ＭＳ Ｐゴシック"/>
            </a:rPr>
            <a:t>対象人数　　　　　　　　　　　３人</a:t>
          </a:r>
        </a:p>
        <a:p>
          <a:pPr algn="l" rtl="0">
            <a:lnSpc>
              <a:spcPts val="1400"/>
            </a:lnSpc>
            <a:defRPr sz="1000"/>
          </a:pPr>
          <a:r>
            <a:rPr lang="ja-JP" altLang="en-US" sz="1200" b="0" i="0" u="none" strike="noStrike" baseline="0">
              <a:solidFill>
                <a:srgbClr val="000000"/>
              </a:solidFill>
              <a:latin typeface="ＭＳ Ｐゴシック"/>
              <a:ea typeface="ＭＳ Ｐゴシック"/>
            </a:rPr>
            <a:t>延べ月数　　　　　　　　　　　12月</a:t>
          </a:r>
        </a:p>
        <a:p>
          <a:pPr algn="l" rtl="0">
            <a:lnSpc>
              <a:spcPts val="1300"/>
            </a:lnSpc>
            <a:defRPr sz="1000"/>
          </a:pPr>
          <a:r>
            <a:rPr lang="ja-JP" altLang="en-US" sz="1200" b="0" i="0" u="none" strike="noStrike" baseline="0">
              <a:solidFill>
                <a:srgbClr val="000000"/>
              </a:solidFill>
              <a:latin typeface="ＭＳ Ｐゴシック"/>
              <a:ea typeface="ＭＳ Ｐゴシック"/>
            </a:rPr>
            <a:t>対象経費　　　　　　　　　108万円</a:t>
          </a:r>
        </a:p>
        <a:p>
          <a:pPr algn="l" rtl="0">
            <a:lnSpc>
              <a:spcPts val="1400"/>
            </a:lnSpc>
            <a:defRPr sz="1000"/>
          </a:pPr>
          <a:r>
            <a:rPr lang="ja-JP" altLang="en-US" sz="1200" b="0" i="0" u="none" strike="noStrike" baseline="0">
              <a:solidFill>
                <a:srgbClr val="000000"/>
              </a:solidFill>
              <a:latin typeface="ＭＳ Ｐゴシック"/>
              <a:ea typeface="ＭＳ Ｐゴシック"/>
            </a:rPr>
            <a:t>　　　　　　　　　　　　　　　↑</a:t>
          </a:r>
        </a:p>
        <a:p>
          <a:pPr algn="l" rtl="0">
            <a:lnSpc>
              <a:spcPts val="1300"/>
            </a:lnSpc>
            <a:defRPr sz="1000"/>
          </a:pPr>
          <a:r>
            <a:rPr lang="ja-JP" altLang="en-US" sz="1200" b="0" i="0" u="none" strike="noStrike" baseline="0">
              <a:solidFill>
                <a:srgbClr val="000000"/>
              </a:solidFill>
              <a:latin typeface="ＭＳ Ｐゴシック"/>
              <a:ea typeface="ＭＳ Ｐゴシック"/>
            </a:rPr>
            <a:t>　　　　　　　　　　　　　（A）に記入</a:t>
          </a:r>
        </a:p>
      </xdr:txBody>
    </xdr:sp>
    <xdr:clientData/>
  </xdr:twoCellAnchor>
  <xdr:twoCellAnchor>
    <xdr:from>
      <xdr:col>14</xdr:col>
      <xdr:colOff>142875</xdr:colOff>
      <xdr:row>11</xdr:row>
      <xdr:rowOff>171450</xdr:rowOff>
    </xdr:from>
    <xdr:to>
      <xdr:col>26</xdr:col>
      <xdr:colOff>161925</xdr:colOff>
      <xdr:row>19</xdr:row>
      <xdr:rowOff>133350</xdr:rowOff>
    </xdr:to>
    <xdr:sp macro="" textlink="">
      <xdr:nvSpPr>
        <xdr:cNvPr id="5" name="Text Box 9"/>
        <xdr:cNvSpPr txBox="1">
          <a:spLocks noChangeArrowheads="1"/>
        </xdr:cNvSpPr>
      </xdr:nvSpPr>
      <xdr:spPr bwMode="auto">
        <a:xfrm>
          <a:off x="4010025" y="3800475"/>
          <a:ext cx="3333750" cy="1609725"/>
        </a:xfrm>
        <a:prstGeom prst="rect">
          <a:avLst/>
        </a:prstGeom>
        <a:solidFill>
          <a:srgbClr xmlns:mc="http://schemas.openxmlformats.org/markup-compatibility/2006" xmlns:a14="http://schemas.microsoft.com/office/drawing/2010/main" val="FFFFFF" mc:Ignorable="a14" a14:legacySpreadsheetColorIndex="9"/>
        </a:solidFill>
        <a:ln w="38100">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defRPr sz="1000"/>
          </a:pPr>
          <a:r>
            <a:rPr lang="ja-JP" altLang="en-US" sz="1200" b="0" i="0" u="none" strike="noStrike" baseline="0">
              <a:solidFill>
                <a:srgbClr val="000000"/>
              </a:solidFill>
              <a:latin typeface="ＭＳ Ｐゴシック"/>
              <a:ea typeface="ＭＳ Ｐゴシック"/>
            </a:rPr>
            <a:t>※支給単価と補助基準単価を比較し，少ない額の単価を用いて算出してください。</a:t>
          </a:r>
        </a:p>
        <a:p>
          <a:pPr algn="l" rtl="0">
            <a:defRPr sz="1000"/>
          </a:pPr>
          <a:r>
            <a:rPr lang="ja-JP" altLang="en-US" sz="1200" b="0" i="0" u="none" strike="noStrike" baseline="0">
              <a:solidFill>
                <a:srgbClr val="000000"/>
              </a:solidFill>
              <a:latin typeface="ＭＳ Ｐゴシック"/>
              <a:ea typeface="ＭＳ Ｐゴシック"/>
            </a:rPr>
            <a:t>ほどんどの場合，（C)欄と（D）欄は一致しますが，支給単価が複数ある場合は，注意してください。</a:t>
          </a:r>
        </a:p>
      </xdr:txBody>
    </xdr:sp>
    <xdr:clientData/>
  </xdr:twoCellAnchor>
  <xdr:twoCellAnchor>
    <xdr:from>
      <xdr:col>19</xdr:col>
      <xdr:colOff>19050</xdr:colOff>
      <xdr:row>8</xdr:row>
      <xdr:rowOff>0</xdr:rowOff>
    </xdr:from>
    <xdr:to>
      <xdr:col>19</xdr:col>
      <xdr:colOff>66675</xdr:colOff>
      <xdr:row>11</xdr:row>
      <xdr:rowOff>161925</xdr:rowOff>
    </xdr:to>
    <xdr:sp macro="" textlink="">
      <xdr:nvSpPr>
        <xdr:cNvPr id="6" name="Line 10"/>
        <xdr:cNvSpPr>
          <a:spLocks noChangeShapeType="1"/>
        </xdr:cNvSpPr>
      </xdr:nvSpPr>
      <xdr:spPr bwMode="auto">
        <a:xfrm>
          <a:off x="5267325" y="3057525"/>
          <a:ext cx="47625" cy="7334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29</xdr:col>
      <xdr:colOff>0</xdr:colOff>
      <xdr:row>13</xdr:row>
      <xdr:rowOff>161925</xdr:rowOff>
    </xdr:from>
    <xdr:to>
      <xdr:col>38</xdr:col>
      <xdr:colOff>133350</xdr:colOff>
      <xdr:row>20</xdr:row>
      <xdr:rowOff>85725</xdr:rowOff>
    </xdr:to>
    <xdr:sp macro="" textlink="">
      <xdr:nvSpPr>
        <xdr:cNvPr id="7" name="Text Box 11"/>
        <xdr:cNvSpPr txBox="1">
          <a:spLocks noChangeArrowheads="1"/>
        </xdr:cNvSpPr>
      </xdr:nvSpPr>
      <xdr:spPr bwMode="auto">
        <a:xfrm>
          <a:off x="8010525" y="4171950"/>
          <a:ext cx="2619375" cy="1362075"/>
        </a:xfrm>
        <a:prstGeom prst="rect">
          <a:avLst/>
        </a:prstGeom>
        <a:solidFill>
          <a:srgbClr xmlns:mc="http://schemas.openxmlformats.org/markup-compatibility/2006" xmlns:a14="http://schemas.microsoft.com/office/drawing/2010/main" val="FFFFFF" mc:Ignorable="a14" a14:legacySpreadsheetColorIndex="65"/>
        </a:solidFill>
        <a:ln w="38100">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lnSpc>
              <a:spcPts val="1300"/>
            </a:lnSpc>
            <a:defRPr sz="1000"/>
          </a:pPr>
          <a:r>
            <a:rPr lang="ja-JP" altLang="en-US" sz="1200" b="0" i="0" u="none" strike="noStrike" baseline="0">
              <a:solidFill>
                <a:srgbClr val="000000"/>
              </a:solidFill>
              <a:latin typeface="ＭＳ Ｐゴシック"/>
              <a:ea typeface="ＭＳ Ｐゴシック"/>
            </a:rPr>
            <a:t>※原則，概算払はおこないません。概算払がない場合は，０円となります。</a:t>
          </a:r>
        </a:p>
      </xdr:txBody>
    </xdr:sp>
    <xdr:clientData/>
  </xdr:twoCellAnchor>
  <xdr:twoCellAnchor>
    <xdr:from>
      <xdr:col>32</xdr:col>
      <xdr:colOff>238125</xdr:colOff>
      <xdr:row>7</xdr:row>
      <xdr:rowOff>142875</xdr:rowOff>
    </xdr:from>
    <xdr:to>
      <xdr:col>33</xdr:col>
      <xdr:colOff>28575</xdr:colOff>
      <xdr:row>13</xdr:row>
      <xdr:rowOff>161925</xdr:rowOff>
    </xdr:to>
    <xdr:sp macro="" textlink="">
      <xdr:nvSpPr>
        <xdr:cNvPr id="8" name="Line 12"/>
        <xdr:cNvSpPr>
          <a:spLocks noChangeShapeType="1"/>
        </xdr:cNvSpPr>
      </xdr:nvSpPr>
      <xdr:spPr bwMode="auto">
        <a:xfrm>
          <a:off x="9077325" y="3028950"/>
          <a:ext cx="66675" cy="11430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11</xdr:col>
      <xdr:colOff>76200</xdr:colOff>
      <xdr:row>24</xdr:row>
      <xdr:rowOff>85725</xdr:rowOff>
    </xdr:from>
    <xdr:to>
      <xdr:col>18</xdr:col>
      <xdr:colOff>66675</xdr:colOff>
      <xdr:row>26</xdr:row>
      <xdr:rowOff>142875</xdr:rowOff>
    </xdr:to>
    <xdr:sp macro="" textlink="">
      <xdr:nvSpPr>
        <xdr:cNvPr id="2" name="Rectangle 3"/>
        <xdr:cNvSpPr>
          <a:spLocks noChangeArrowheads="1"/>
        </xdr:cNvSpPr>
      </xdr:nvSpPr>
      <xdr:spPr bwMode="auto">
        <a:xfrm>
          <a:off x="3228975" y="5829300"/>
          <a:ext cx="1924050" cy="552450"/>
        </a:xfrm>
        <a:prstGeom prst="rect">
          <a:avLst/>
        </a:prstGeom>
        <a:noFill/>
        <a:ln w="38100">
          <a:solidFill>
            <a:srgbClr xmlns:mc="http://schemas.openxmlformats.org/markup-compatibility/2006" xmlns:a14="http://schemas.microsoft.com/office/drawing/2010/main" val="000000" mc:Ignorable="a14" a14:legacySpreadsheetColorIndex="64"/>
          </a:solidFill>
          <a:miter lim="800000"/>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1</xdr:col>
      <xdr:colOff>171450</xdr:colOff>
      <xdr:row>12</xdr:row>
      <xdr:rowOff>123825</xdr:rowOff>
    </xdr:from>
    <xdr:to>
      <xdr:col>18</xdr:col>
      <xdr:colOff>104775</xdr:colOff>
      <xdr:row>15</xdr:row>
      <xdr:rowOff>0</xdr:rowOff>
    </xdr:to>
    <xdr:sp macro="" textlink="">
      <xdr:nvSpPr>
        <xdr:cNvPr id="3" name="Rectangle 4"/>
        <xdr:cNvSpPr>
          <a:spLocks noChangeArrowheads="1"/>
        </xdr:cNvSpPr>
      </xdr:nvSpPr>
      <xdr:spPr bwMode="auto">
        <a:xfrm>
          <a:off x="3324225" y="3048000"/>
          <a:ext cx="1866900" cy="542925"/>
        </a:xfrm>
        <a:prstGeom prst="rect">
          <a:avLst/>
        </a:prstGeom>
        <a:noFill/>
        <a:ln w="38100">
          <a:solidFill>
            <a:srgbClr xmlns:mc="http://schemas.openxmlformats.org/markup-compatibility/2006" xmlns:a14="http://schemas.microsoft.com/office/drawing/2010/main" val="000000" mc:Ignorable="a14" a14:legacySpreadsheetColorIndex="64"/>
          </a:solidFill>
          <a:miter lim="800000"/>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8</xdr:col>
      <xdr:colOff>95250</xdr:colOff>
      <xdr:row>14</xdr:row>
      <xdr:rowOff>104775</xdr:rowOff>
    </xdr:from>
    <xdr:to>
      <xdr:col>21</xdr:col>
      <xdr:colOff>209550</xdr:colOff>
      <xdr:row>18</xdr:row>
      <xdr:rowOff>142875</xdr:rowOff>
    </xdr:to>
    <xdr:sp macro="" textlink="">
      <xdr:nvSpPr>
        <xdr:cNvPr id="4" name="Line 5"/>
        <xdr:cNvSpPr>
          <a:spLocks noChangeShapeType="1"/>
        </xdr:cNvSpPr>
      </xdr:nvSpPr>
      <xdr:spPr bwMode="auto">
        <a:xfrm>
          <a:off x="5181600" y="3524250"/>
          <a:ext cx="942975" cy="8763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8</xdr:col>
      <xdr:colOff>95250</xdr:colOff>
      <xdr:row>20</xdr:row>
      <xdr:rowOff>142875</xdr:rowOff>
    </xdr:from>
    <xdr:to>
      <xdr:col>21</xdr:col>
      <xdr:colOff>28575</xdr:colOff>
      <xdr:row>24</xdr:row>
      <xdr:rowOff>190500</xdr:rowOff>
    </xdr:to>
    <xdr:sp macro="" textlink="">
      <xdr:nvSpPr>
        <xdr:cNvPr id="5" name="Line 6"/>
        <xdr:cNvSpPr>
          <a:spLocks noChangeShapeType="1"/>
        </xdr:cNvSpPr>
      </xdr:nvSpPr>
      <xdr:spPr bwMode="auto">
        <a:xfrm flipV="1">
          <a:off x="5181600" y="4895850"/>
          <a:ext cx="762000" cy="10382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20</xdr:col>
      <xdr:colOff>171450</xdr:colOff>
      <xdr:row>18</xdr:row>
      <xdr:rowOff>161925</xdr:rowOff>
    </xdr:from>
    <xdr:to>
      <xdr:col>27</xdr:col>
      <xdr:colOff>123825</xdr:colOff>
      <xdr:row>20</xdr:row>
      <xdr:rowOff>104775</xdr:rowOff>
    </xdr:to>
    <xdr:sp macro="" textlink="">
      <xdr:nvSpPr>
        <xdr:cNvPr id="6" name="Text Box 7"/>
        <xdr:cNvSpPr txBox="1">
          <a:spLocks noChangeArrowheads="1"/>
        </xdr:cNvSpPr>
      </xdr:nvSpPr>
      <xdr:spPr bwMode="auto">
        <a:xfrm>
          <a:off x="5810250" y="4419600"/>
          <a:ext cx="1676400" cy="438150"/>
        </a:xfrm>
        <a:prstGeom prst="rect">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18288" rIns="0" bIns="0" anchor="t" upright="1"/>
        <a:lstStyle/>
        <a:p>
          <a:pPr algn="l" rtl="0">
            <a:defRPr sz="1000"/>
          </a:pPr>
          <a:r>
            <a:rPr lang="ja-JP" altLang="en-US" sz="1200" b="1" i="0" u="none" strike="noStrike" baseline="0">
              <a:solidFill>
                <a:srgbClr val="000000"/>
              </a:solidFill>
              <a:latin typeface="ＭＳ Ｐゴシック"/>
              <a:ea typeface="ＭＳ Ｐゴシック"/>
            </a:rPr>
            <a:t>※一致し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K828"/>
  <sheetViews>
    <sheetView view="pageBreakPreview" zoomScale="75" zoomScaleNormal="100" workbookViewId="0">
      <selection activeCell="J2" sqref="J2"/>
    </sheetView>
  </sheetViews>
  <sheetFormatPr defaultRowHeight="13.2" x14ac:dyDescent="0.2"/>
  <cols>
    <col min="1" max="1" width="6.44140625" customWidth="1"/>
    <col min="2" max="2" width="3.33203125" customWidth="1"/>
    <col min="9" max="9" width="12.109375" customWidth="1"/>
    <col min="10" max="10" width="22" customWidth="1"/>
  </cols>
  <sheetData>
    <row r="1" spans="2:11" ht="23.25" customHeight="1" x14ac:dyDescent="0.2">
      <c r="B1" s="58" t="s">
        <v>99</v>
      </c>
      <c r="C1" s="58"/>
      <c r="D1" s="58"/>
      <c r="E1" s="58"/>
      <c r="F1" s="58"/>
      <c r="G1" s="58"/>
      <c r="H1" s="58"/>
      <c r="I1" s="58"/>
      <c r="J1" s="58"/>
    </row>
    <row r="2" spans="2:11" ht="30.75" customHeight="1" thickBot="1" x14ac:dyDescent="0.25"/>
    <row r="3" spans="2:11" s="1" customFormat="1" ht="45.75" customHeight="1" thickBot="1" x14ac:dyDescent="0.25">
      <c r="B3" s="68" t="s">
        <v>67</v>
      </c>
      <c r="C3" s="66"/>
      <c r="D3" s="66"/>
      <c r="E3" s="66"/>
      <c r="F3" s="66"/>
      <c r="G3" s="66"/>
      <c r="H3" s="66"/>
      <c r="I3" s="67"/>
    </row>
    <row r="4" spans="2:11" ht="33.75" customHeight="1" thickBot="1" x14ac:dyDescent="0.25"/>
    <row r="5" spans="2:11" ht="19.5" customHeight="1" x14ac:dyDescent="0.2">
      <c r="B5" s="18" t="s">
        <v>60</v>
      </c>
      <c r="C5" s="9"/>
      <c r="D5" s="9"/>
      <c r="E5" s="9"/>
      <c r="F5" s="9"/>
      <c r="G5" s="9"/>
      <c r="H5" s="9"/>
      <c r="I5" s="9"/>
      <c r="J5" s="10"/>
    </row>
    <row r="6" spans="2:11" x14ac:dyDescent="0.2">
      <c r="B6" s="11"/>
      <c r="C6" s="2"/>
      <c r="D6" s="2"/>
      <c r="E6" s="2"/>
      <c r="F6" s="2"/>
      <c r="G6" s="2"/>
      <c r="H6" s="2"/>
      <c r="I6" s="2"/>
      <c r="J6" s="12"/>
    </row>
    <row r="7" spans="2:11" s="5" customFormat="1" ht="45.75" customHeight="1" x14ac:dyDescent="0.2">
      <c r="B7" s="13" t="s">
        <v>64</v>
      </c>
      <c r="C7" s="60" t="s">
        <v>63</v>
      </c>
      <c r="D7" s="60"/>
      <c r="E7" s="60"/>
      <c r="F7" s="60"/>
      <c r="G7" s="60"/>
      <c r="H7" s="60"/>
      <c r="I7" s="60"/>
      <c r="J7" s="61"/>
      <c r="K7" s="6"/>
    </row>
    <row r="8" spans="2:11" s="5" customFormat="1" ht="11.25" customHeight="1" x14ac:dyDescent="0.2">
      <c r="B8" s="14"/>
      <c r="C8" s="15"/>
      <c r="D8" s="15"/>
      <c r="E8" s="15"/>
      <c r="F8" s="15"/>
      <c r="G8" s="15"/>
      <c r="H8" s="15"/>
      <c r="I8" s="15"/>
      <c r="J8" s="16"/>
      <c r="K8" s="6"/>
    </row>
    <row r="9" spans="2:11" s="5" customFormat="1" ht="11.25" customHeight="1" x14ac:dyDescent="0.2">
      <c r="B9" s="14"/>
      <c r="C9" s="15"/>
      <c r="D9" s="15"/>
      <c r="E9" s="15"/>
      <c r="F9" s="15"/>
      <c r="G9" s="15"/>
      <c r="H9" s="15"/>
      <c r="I9" s="15"/>
      <c r="J9" s="16"/>
      <c r="K9" s="6"/>
    </row>
    <row r="10" spans="2:11" s="5" customFormat="1" ht="33" customHeight="1" x14ac:dyDescent="0.2">
      <c r="B10" s="13" t="s">
        <v>65</v>
      </c>
      <c r="C10" s="60" t="s">
        <v>61</v>
      </c>
      <c r="D10" s="60"/>
      <c r="E10" s="60"/>
      <c r="F10" s="60"/>
      <c r="G10" s="60"/>
      <c r="H10" s="60"/>
      <c r="I10" s="60"/>
      <c r="J10" s="61"/>
      <c r="K10" s="6"/>
    </row>
    <row r="11" spans="2:11" s="5" customFormat="1" ht="9" customHeight="1" x14ac:dyDescent="0.2">
      <c r="B11" s="14"/>
      <c r="C11" s="15"/>
      <c r="D11" s="15"/>
      <c r="E11" s="15"/>
      <c r="F11" s="15"/>
      <c r="G11" s="15"/>
      <c r="H11" s="15"/>
      <c r="I11" s="15"/>
      <c r="J11" s="16"/>
      <c r="K11" s="6"/>
    </row>
    <row r="12" spans="2:11" s="5" customFormat="1" ht="68.25" customHeight="1" thickBot="1" x14ac:dyDescent="0.25">
      <c r="B12" s="17" t="s">
        <v>66</v>
      </c>
      <c r="C12" s="63" t="s">
        <v>68</v>
      </c>
      <c r="D12" s="63"/>
      <c r="E12" s="63"/>
      <c r="F12" s="63"/>
      <c r="G12" s="63"/>
      <c r="H12" s="63"/>
      <c r="I12" s="63"/>
      <c r="J12" s="64"/>
      <c r="K12" s="7"/>
    </row>
    <row r="13" spans="2:11" s="1" customFormat="1" ht="33.75" customHeight="1" thickBot="1" x14ac:dyDescent="0.25"/>
    <row r="14" spans="2:11" s="1" customFormat="1" ht="27.9" customHeight="1" thickBot="1" x14ac:dyDescent="0.25">
      <c r="B14" s="65" t="s">
        <v>62</v>
      </c>
      <c r="C14" s="66"/>
      <c r="D14" s="66"/>
      <c r="E14" s="66"/>
      <c r="F14" s="66"/>
      <c r="G14" s="66"/>
      <c r="H14" s="66"/>
      <c r="I14" s="67"/>
    </row>
    <row r="15" spans="2:11" s="1" customFormat="1" ht="13.5" customHeight="1" x14ac:dyDescent="0.2"/>
    <row r="16" spans="2:11" s="1" customFormat="1" ht="13.5" customHeight="1" x14ac:dyDescent="0.2">
      <c r="B16" s="59"/>
      <c r="C16" s="59"/>
      <c r="D16" s="59"/>
      <c r="E16" s="59"/>
    </row>
    <row r="17" spans="3:10" s="1" customFormat="1" ht="13.5" customHeight="1" x14ac:dyDescent="0.2"/>
    <row r="18" spans="3:10" s="1" customFormat="1" ht="13.5" customHeight="1" x14ac:dyDescent="0.2">
      <c r="C18" s="8"/>
      <c r="D18" s="62"/>
      <c r="E18" s="62"/>
      <c r="F18" s="62"/>
      <c r="G18" s="62"/>
      <c r="H18" s="62"/>
      <c r="I18" s="62"/>
      <c r="J18" s="8"/>
    </row>
    <row r="19" spans="3:10" s="1" customFormat="1" ht="13.5" customHeight="1" x14ac:dyDescent="0.2"/>
    <row r="20" spans="3:10" s="1" customFormat="1" ht="13.5" customHeight="1" x14ac:dyDescent="0.2"/>
    <row r="21" spans="3:10" s="1" customFormat="1" ht="13.5" customHeight="1" x14ac:dyDescent="0.2">
      <c r="D21" s="62"/>
      <c r="E21" s="62"/>
      <c r="F21" s="62"/>
      <c r="G21" s="62"/>
      <c r="H21" s="62"/>
      <c r="I21" s="62"/>
    </row>
    <row r="22" spans="3:10" s="1" customFormat="1" ht="13.5" customHeight="1" x14ac:dyDescent="0.2">
      <c r="D22" s="4"/>
      <c r="E22" s="4"/>
      <c r="F22" s="4"/>
      <c r="G22" s="4"/>
      <c r="H22" s="4"/>
      <c r="I22" s="4"/>
    </row>
    <row r="23" spans="3:10" s="1" customFormat="1" ht="13.5" customHeight="1" x14ac:dyDescent="0.2">
      <c r="D23" s="4"/>
      <c r="E23" s="4"/>
      <c r="F23" s="4"/>
      <c r="G23" s="4"/>
      <c r="H23" s="4"/>
      <c r="I23" s="4"/>
    </row>
    <row r="24" spans="3:10" s="1" customFormat="1" ht="13.5" customHeight="1" x14ac:dyDescent="0.2"/>
    <row r="25" spans="3:10" s="1" customFormat="1" ht="13.5" customHeight="1" x14ac:dyDescent="0.2"/>
    <row r="26" spans="3:10" s="1" customFormat="1" ht="13.5" customHeight="1" x14ac:dyDescent="0.2"/>
    <row r="27" spans="3:10" s="1" customFormat="1" ht="13.5" customHeight="1" x14ac:dyDescent="0.2"/>
    <row r="28" spans="3:10" s="1" customFormat="1" ht="13.5" customHeight="1" x14ac:dyDescent="0.2"/>
    <row r="29" spans="3:10" s="1" customFormat="1" ht="13.5" customHeight="1" x14ac:dyDescent="0.2"/>
    <row r="30" spans="3:10" s="1" customFormat="1" ht="13.5" customHeight="1" x14ac:dyDescent="0.2"/>
    <row r="31" spans="3:10" s="1" customFormat="1" x14ac:dyDescent="0.2"/>
    <row r="32" spans="3:10" s="1" customFormat="1" x14ac:dyDescent="0.2"/>
    <row r="33" s="1" customFormat="1" x14ac:dyDescent="0.2"/>
    <row r="34" s="1" customFormat="1" x14ac:dyDescent="0.2"/>
    <row r="35" s="1" customFormat="1" x14ac:dyDescent="0.2"/>
    <row r="36" s="3" customFormat="1" x14ac:dyDescent="0.2"/>
    <row r="37" s="3" customFormat="1" x14ac:dyDescent="0.2"/>
    <row r="38" s="3" customFormat="1" x14ac:dyDescent="0.2"/>
    <row r="39" s="3" customFormat="1" x14ac:dyDescent="0.2"/>
    <row r="40" s="3" customFormat="1" x14ac:dyDescent="0.2"/>
    <row r="41" s="3" customFormat="1" x14ac:dyDescent="0.2"/>
    <row r="42" s="3" customFormat="1" x14ac:dyDescent="0.2"/>
    <row r="43" s="3" customFormat="1" x14ac:dyDescent="0.2"/>
    <row r="44" s="3" customFormat="1" x14ac:dyDescent="0.2"/>
    <row r="45" s="3" customFormat="1" x14ac:dyDescent="0.2"/>
    <row r="46" s="3" customFormat="1" x14ac:dyDescent="0.2"/>
    <row r="47" s="3" customFormat="1" x14ac:dyDescent="0.2"/>
    <row r="48" s="3" customFormat="1" x14ac:dyDescent="0.2"/>
    <row r="49" s="3" customFormat="1" x14ac:dyDescent="0.2"/>
    <row r="50" s="3" customFormat="1" x14ac:dyDescent="0.2"/>
    <row r="51" s="3" customFormat="1" x14ac:dyDescent="0.2"/>
    <row r="52" s="3" customFormat="1" x14ac:dyDescent="0.2"/>
    <row r="53" s="3" customFormat="1" x14ac:dyDescent="0.2"/>
    <row r="54" s="3" customFormat="1" x14ac:dyDescent="0.2"/>
    <row r="55" s="3" customFormat="1" x14ac:dyDescent="0.2"/>
    <row r="56" s="3" customFormat="1" x14ac:dyDescent="0.2"/>
    <row r="57" s="3" customFormat="1" x14ac:dyDescent="0.2"/>
    <row r="58" s="3" customFormat="1" x14ac:dyDescent="0.2"/>
    <row r="59" s="3" customFormat="1" x14ac:dyDescent="0.2"/>
    <row r="60" s="3" customFormat="1" x14ac:dyDescent="0.2"/>
    <row r="61" s="3" customFormat="1" x14ac:dyDescent="0.2"/>
    <row r="62" s="3" customFormat="1" x14ac:dyDescent="0.2"/>
    <row r="63" s="3" customFormat="1" x14ac:dyDescent="0.2"/>
    <row r="64" s="3" customFormat="1" x14ac:dyDescent="0.2"/>
    <row r="65" s="3" customFormat="1" x14ac:dyDescent="0.2"/>
    <row r="66" s="3" customFormat="1" x14ac:dyDescent="0.2"/>
    <row r="67" s="3" customFormat="1" x14ac:dyDescent="0.2"/>
    <row r="68" s="3" customFormat="1" x14ac:dyDescent="0.2"/>
    <row r="69" s="3" customFormat="1" x14ac:dyDescent="0.2"/>
    <row r="70" s="3" customFormat="1" x14ac:dyDescent="0.2"/>
    <row r="71" s="3" customFormat="1" x14ac:dyDescent="0.2"/>
    <row r="72" s="3" customFormat="1" x14ac:dyDescent="0.2"/>
    <row r="73" s="3" customFormat="1" x14ac:dyDescent="0.2"/>
    <row r="74" s="3" customFormat="1" x14ac:dyDescent="0.2"/>
    <row r="75" s="3" customFormat="1" x14ac:dyDescent="0.2"/>
    <row r="76" s="3" customFormat="1" x14ac:dyDescent="0.2"/>
    <row r="77" s="3" customFormat="1" x14ac:dyDescent="0.2"/>
    <row r="78" s="3" customFormat="1" x14ac:dyDescent="0.2"/>
    <row r="79" s="3" customFormat="1" x14ac:dyDescent="0.2"/>
    <row r="80" s="3" customFormat="1" x14ac:dyDescent="0.2"/>
    <row r="81" s="3" customFormat="1" x14ac:dyDescent="0.2"/>
    <row r="82" s="3" customFormat="1" x14ac:dyDescent="0.2"/>
    <row r="83" s="3" customFormat="1" x14ac:dyDescent="0.2"/>
    <row r="84" s="3" customFormat="1" x14ac:dyDescent="0.2"/>
    <row r="85" s="3" customFormat="1" x14ac:dyDescent="0.2"/>
    <row r="86" s="3" customFormat="1" x14ac:dyDescent="0.2"/>
    <row r="87" s="3" customFormat="1" x14ac:dyDescent="0.2"/>
    <row r="88" s="3" customFormat="1" x14ac:dyDescent="0.2"/>
    <row r="89" s="3" customFormat="1" x14ac:dyDescent="0.2"/>
    <row r="90" s="3" customFormat="1" x14ac:dyDescent="0.2"/>
    <row r="91" s="3" customFormat="1" x14ac:dyDescent="0.2"/>
    <row r="92" s="3" customFormat="1" x14ac:dyDescent="0.2"/>
    <row r="93" s="3" customFormat="1" x14ac:dyDescent="0.2"/>
    <row r="94" s="3" customFormat="1" x14ac:dyDescent="0.2"/>
    <row r="95" s="3" customFormat="1" x14ac:dyDescent="0.2"/>
    <row r="96" s="3" customFormat="1" x14ac:dyDescent="0.2"/>
    <row r="97" s="3" customFormat="1" x14ac:dyDescent="0.2"/>
    <row r="98" s="3" customFormat="1" x14ac:dyDescent="0.2"/>
    <row r="99" s="3" customFormat="1" x14ac:dyDescent="0.2"/>
    <row r="100" s="3" customFormat="1" x14ac:dyDescent="0.2"/>
    <row r="101" s="3" customFormat="1" x14ac:dyDescent="0.2"/>
    <row r="102" s="3" customFormat="1" x14ac:dyDescent="0.2"/>
    <row r="103" s="3" customFormat="1" x14ac:dyDescent="0.2"/>
    <row r="104" s="3" customFormat="1" x14ac:dyDescent="0.2"/>
    <row r="105" s="3" customFormat="1" x14ac:dyDescent="0.2"/>
    <row r="106" s="3" customFormat="1" x14ac:dyDescent="0.2"/>
    <row r="107" s="3" customFormat="1" x14ac:dyDescent="0.2"/>
    <row r="108" s="3" customFormat="1" x14ac:dyDescent="0.2"/>
    <row r="109" s="3" customFormat="1" x14ac:dyDescent="0.2"/>
    <row r="110" s="3" customFormat="1" x14ac:dyDescent="0.2"/>
    <row r="111" s="3" customFormat="1" x14ac:dyDescent="0.2"/>
    <row r="112" s="3" customFormat="1" x14ac:dyDescent="0.2"/>
    <row r="113" s="3" customFormat="1" x14ac:dyDescent="0.2"/>
    <row r="114" s="3" customFormat="1" x14ac:dyDescent="0.2"/>
    <row r="115" s="3" customFormat="1" x14ac:dyDescent="0.2"/>
    <row r="116" s="3" customFormat="1" x14ac:dyDescent="0.2"/>
    <row r="117" s="3" customFormat="1" x14ac:dyDescent="0.2"/>
    <row r="118" s="3" customFormat="1" x14ac:dyDescent="0.2"/>
    <row r="119" s="3" customFormat="1" x14ac:dyDescent="0.2"/>
    <row r="120" s="3" customFormat="1" x14ac:dyDescent="0.2"/>
    <row r="121" s="3" customFormat="1" x14ac:dyDescent="0.2"/>
    <row r="122" s="3" customFormat="1" x14ac:dyDescent="0.2"/>
    <row r="123" s="3" customFormat="1" x14ac:dyDescent="0.2"/>
    <row r="124" s="3" customFormat="1" x14ac:dyDescent="0.2"/>
    <row r="125" s="3" customFormat="1" x14ac:dyDescent="0.2"/>
    <row r="126" s="3" customFormat="1" x14ac:dyDescent="0.2"/>
    <row r="127" s="3" customFormat="1" x14ac:dyDescent="0.2"/>
    <row r="128" s="3" customFormat="1" x14ac:dyDescent="0.2"/>
    <row r="129" s="3" customFormat="1" x14ac:dyDescent="0.2"/>
    <row r="130" s="3" customFormat="1" x14ac:dyDescent="0.2"/>
    <row r="131" s="3" customFormat="1" x14ac:dyDescent="0.2"/>
    <row r="132" s="3" customFormat="1" x14ac:dyDescent="0.2"/>
    <row r="133" s="3" customFormat="1" x14ac:dyDescent="0.2"/>
    <row r="134" s="3" customFormat="1" x14ac:dyDescent="0.2"/>
    <row r="135" s="3" customFormat="1" x14ac:dyDescent="0.2"/>
    <row r="136" s="3" customFormat="1" x14ac:dyDescent="0.2"/>
    <row r="137" s="3" customFormat="1" x14ac:dyDescent="0.2"/>
    <row r="138" s="3" customFormat="1" x14ac:dyDescent="0.2"/>
    <row r="139" s="3" customFormat="1" x14ac:dyDescent="0.2"/>
    <row r="140" s="3" customFormat="1" x14ac:dyDescent="0.2"/>
    <row r="141" s="3" customFormat="1" x14ac:dyDescent="0.2"/>
    <row r="142" s="3" customFormat="1" x14ac:dyDescent="0.2"/>
    <row r="143" s="3" customFormat="1" x14ac:dyDescent="0.2"/>
    <row r="144" s="3" customFormat="1" x14ac:dyDescent="0.2"/>
    <row r="145" s="3" customFormat="1" x14ac:dyDescent="0.2"/>
    <row r="146" s="3" customFormat="1" x14ac:dyDescent="0.2"/>
    <row r="147" s="3" customFormat="1" x14ac:dyDescent="0.2"/>
    <row r="148" s="3" customFormat="1" x14ac:dyDescent="0.2"/>
    <row r="149" s="3" customFormat="1" x14ac:dyDescent="0.2"/>
    <row r="150" s="3" customFormat="1" x14ac:dyDescent="0.2"/>
    <row r="151" s="3" customFormat="1" x14ac:dyDescent="0.2"/>
    <row r="152" s="3" customFormat="1" x14ac:dyDescent="0.2"/>
    <row r="153" s="3" customFormat="1" x14ac:dyDescent="0.2"/>
    <row r="154" s="3" customFormat="1" x14ac:dyDescent="0.2"/>
    <row r="155" s="3" customFormat="1" x14ac:dyDescent="0.2"/>
    <row r="156" s="3" customFormat="1" x14ac:dyDescent="0.2"/>
    <row r="157" s="3" customFormat="1" x14ac:dyDescent="0.2"/>
    <row r="158" s="3" customFormat="1" x14ac:dyDescent="0.2"/>
    <row r="159" s="3" customFormat="1" x14ac:dyDescent="0.2"/>
    <row r="160" s="3" customFormat="1" x14ac:dyDescent="0.2"/>
    <row r="161" s="3" customFormat="1" x14ac:dyDescent="0.2"/>
    <row r="162" s="3" customFormat="1" x14ac:dyDescent="0.2"/>
    <row r="163" s="3" customFormat="1" x14ac:dyDescent="0.2"/>
    <row r="164" s="3" customFormat="1" x14ac:dyDescent="0.2"/>
    <row r="165" s="3" customFormat="1" x14ac:dyDescent="0.2"/>
    <row r="166" s="3" customFormat="1" x14ac:dyDescent="0.2"/>
    <row r="167" s="3" customFormat="1" x14ac:dyDescent="0.2"/>
    <row r="168" s="3" customFormat="1" x14ac:dyDescent="0.2"/>
    <row r="169" s="3" customFormat="1" x14ac:dyDescent="0.2"/>
    <row r="170" s="3" customFormat="1" x14ac:dyDescent="0.2"/>
    <row r="171" s="3" customFormat="1" x14ac:dyDescent="0.2"/>
    <row r="172" s="3" customFormat="1" x14ac:dyDescent="0.2"/>
    <row r="173" s="3" customFormat="1" x14ac:dyDescent="0.2"/>
    <row r="174" s="3" customFormat="1" x14ac:dyDescent="0.2"/>
    <row r="175" s="3" customFormat="1" x14ac:dyDescent="0.2"/>
    <row r="176" s="3" customFormat="1" x14ac:dyDescent="0.2"/>
    <row r="177" s="3" customFormat="1" x14ac:dyDescent="0.2"/>
    <row r="178" s="3" customFormat="1" x14ac:dyDescent="0.2"/>
    <row r="179" s="3" customFormat="1" x14ac:dyDescent="0.2"/>
    <row r="180" s="3" customFormat="1" x14ac:dyDescent="0.2"/>
    <row r="181" s="3" customFormat="1" x14ac:dyDescent="0.2"/>
    <row r="182" s="3" customFormat="1" x14ac:dyDescent="0.2"/>
    <row r="183" s="3" customFormat="1" x14ac:dyDescent="0.2"/>
    <row r="184" s="3" customFormat="1" x14ac:dyDescent="0.2"/>
    <row r="185" s="3" customFormat="1" x14ac:dyDescent="0.2"/>
    <row r="186" s="3" customFormat="1" x14ac:dyDescent="0.2"/>
    <row r="187" s="3" customFormat="1" x14ac:dyDescent="0.2"/>
    <row r="188" s="3" customFormat="1" x14ac:dyDescent="0.2"/>
    <row r="189" s="3" customFormat="1" x14ac:dyDescent="0.2"/>
    <row r="190" s="3" customFormat="1" x14ac:dyDescent="0.2"/>
    <row r="191" s="3" customFormat="1" x14ac:dyDescent="0.2"/>
    <row r="192" s="3" customFormat="1" x14ac:dyDescent="0.2"/>
    <row r="193" s="3" customFormat="1" x14ac:dyDescent="0.2"/>
    <row r="194" s="3" customFormat="1" x14ac:dyDescent="0.2"/>
    <row r="195" s="3" customFormat="1" x14ac:dyDescent="0.2"/>
    <row r="196" s="3" customFormat="1" x14ac:dyDescent="0.2"/>
    <row r="197" s="3" customFormat="1" x14ac:dyDescent="0.2"/>
    <row r="198" s="3" customFormat="1" x14ac:dyDescent="0.2"/>
    <row r="199" s="3" customFormat="1" x14ac:dyDescent="0.2"/>
    <row r="200" s="3" customFormat="1" x14ac:dyDescent="0.2"/>
    <row r="201" s="3" customFormat="1" x14ac:dyDescent="0.2"/>
    <row r="202" s="3" customFormat="1" x14ac:dyDescent="0.2"/>
    <row r="203" s="3" customFormat="1" x14ac:dyDescent="0.2"/>
    <row r="204" s="3" customFormat="1" x14ac:dyDescent="0.2"/>
    <row r="205" s="3" customFormat="1" x14ac:dyDescent="0.2"/>
    <row r="206" s="3" customFormat="1" x14ac:dyDescent="0.2"/>
    <row r="207" s="3" customFormat="1" x14ac:dyDescent="0.2"/>
    <row r="208" s="3" customFormat="1" x14ac:dyDescent="0.2"/>
    <row r="209" s="3" customFormat="1" x14ac:dyDescent="0.2"/>
    <row r="210" s="3" customFormat="1" x14ac:dyDescent="0.2"/>
    <row r="211" s="3" customFormat="1" x14ac:dyDescent="0.2"/>
    <row r="212" s="3" customFormat="1" x14ac:dyDescent="0.2"/>
    <row r="213" s="3" customFormat="1" x14ac:dyDescent="0.2"/>
    <row r="214" s="3" customFormat="1" x14ac:dyDescent="0.2"/>
    <row r="215" s="3" customFormat="1" x14ac:dyDescent="0.2"/>
    <row r="216" s="3" customFormat="1" x14ac:dyDescent="0.2"/>
    <row r="217" s="3" customFormat="1" x14ac:dyDescent="0.2"/>
    <row r="218" s="3" customFormat="1" x14ac:dyDescent="0.2"/>
    <row r="219" s="3" customFormat="1" x14ac:dyDescent="0.2"/>
    <row r="220" s="3" customFormat="1" x14ac:dyDescent="0.2"/>
    <row r="221" s="3" customFormat="1" x14ac:dyDescent="0.2"/>
    <row r="222" s="3" customFormat="1" x14ac:dyDescent="0.2"/>
    <row r="223" s="3" customFormat="1" x14ac:dyDescent="0.2"/>
    <row r="224" s="3" customFormat="1" x14ac:dyDescent="0.2"/>
    <row r="225" s="3" customFormat="1" x14ac:dyDescent="0.2"/>
    <row r="226" s="3" customFormat="1" x14ac:dyDescent="0.2"/>
    <row r="227" s="3" customFormat="1" x14ac:dyDescent="0.2"/>
    <row r="228" s="3" customFormat="1" x14ac:dyDescent="0.2"/>
    <row r="229" s="3" customFormat="1" x14ac:dyDescent="0.2"/>
    <row r="230" s="3" customFormat="1" x14ac:dyDescent="0.2"/>
    <row r="231" s="3" customFormat="1" x14ac:dyDescent="0.2"/>
    <row r="232" s="3" customFormat="1" x14ac:dyDescent="0.2"/>
    <row r="233" s="3" customFormat="1" x14ac:dyDescent="0.2"/>
    <row r="234" s="3" customFormat="1" x14ac:dyDescent="0.2"/>
    <row r="235" s="3" customFormat="1" x14ac:dyDescent="0.2"/>
    <row r="236" s="3" customFormat="1" x14ac:dyDescent="0.2"/>
    <row r="237" s="3" customFormat="1" x14ac:dyDescent="0.2"/>
    <row r="238" s="3" customFormat="1" x14ac:dyDescent="0.2"/>
    <row r="239" s="3" customFormat="1" x14ac:dyDescent="0.2"/>
    <row r="240" s="3" customFormat="1" x14ac:dyDescent="0.2"/>
    <row r="241" s="3" customFormat="1" x14ac:dyDescent="0.2"/>
    <row r="242" s="3" customFormat="1" x14ac:dyDescent="0.2"/>
    <row r="243" s="3" customFormat="1" x14ac:dyDescent="0.2"/>
    <row r="244" s="3" customFormat="1" x14ac:dyDescent="0.2"/>
    <row r="245" s="3" customFormat="1" x14ac:dyDescent="0.2"/>
    <row r="246" s="3" customFormat="1" x14ac:dyDescent="0.2"/>
    <row r="247" s="3" customFormat="1" x14ac:dyDescent="0.2"/>
    <row r="248" s="3" customFormat="1" x14ac:dyDescent="0.2"/>
    <row r="249" s="3" customFormat="1" x14ac:dyDescent="0.2"/>
    <row r="250" s="3" customFormat="1" x14ac:dyDescent="0.2"/>
    <row r="251" s="3" customFormat="1" x14ac:dyDescent="0.2"/>
    <row r="252" s="3" customFormat="1" x14ac:dyDescent="0.2"/>
    <row r="253" s="3" customFormat="1" x14ac:dyDescent="0.2"/>
    <row r="254" s="3" customFormat="1" x14ac:dyDescent="0.2"/>
    <row r="255" s="3" customFormat="1" x14ac:dyDescent="0.2"/>
    <row r="256" s="3" customFormat="1" x14ac:dyDescent="0.2"/>
    <row r="257" s="3" customFormat="1" x14ac:dyDescent="0.2"/>
    <row r="258" s="3" customFormat="1" x14ac:dyDescent="0.2"/>
    <row r="259" s="3" customFormat="1" x14ac:dyDescent="0.2"/>
    <row r="260" s="3" customFormat="1" x14ac:dyDescent="0.2"/>
    <row r="261" s="3" customFormat="1" x14ac:dyDescent="0.2"/>
    <row r="262" s="3" customFormat="1" x14ac:dyDescent="0.2"/>
    <row r="263" s="3" customFormat="1" x14ac:dyDescent="0.2"/>
    <row r="264" s="3" customFormat="1" x14ac:dyDescent="0.2"/>
    <row r="265" s="3" customFormat="1" x14ac:dyDescent="0.2"/>
    <row r="266" s="3" customFormat="1" x14ac:dyDescent="0.2"/>
    <row r="267" s="3" customFormat="1" x14ac:dyDescent="0.2"/>
    <row r="268" s="3" customFormat="1" x14ac:dyDescent="0.2"/>
    <row r="269" s="3" customFormat="1" x14ac:dyDescent="0.2"/>
    <row r="270" s="3" customFormat="1" x14ac:dyDescent="0.2"/>
    <row r="271" s="3" customFormat="1" x14ac:dyDescent="0.2"/>
    <row r="272" s="3" customFormat="1" x14ac:dyDescent="0.2"/>
    <row r="273" s="3" customFormat="1" x14ac:dyDescent="0.2"/>
    <row r="274" s="3" customFormat="1" x14ac:dyDescent="0.2"/>
    <row r="275" s="3" customFormat="1" x14ac:dyDescent="0.2"/>
    <row r="276" s="3" customFormat="1" x14ac:dyDescent="0.2"/>
    <row r="277" s="3" customFormat="1" x14ac:dyDescent="0.2"/>
    <row r="278" s="3" customFormat="1" x14ac:dyDescent="0.2"/>
    <row r="279" s="3" customFormat="1" x14ac:dyDescent="0.2"/>
    <row r="280" s="3" customFormat="1" x14ac:dyDescent="0.2"/>
    <row r="281" s="3" customFormat="1" x14ac:dyDescent="0.2"/>
    <row r="282" s="3" customFormat="1" x14ac:dyDescent="0.2"/>
    <row r="283" s="3" customFormat="1" x14ac:dyDescent="0.2"/>
    <row r="284" s="3" customFormat="1" x14ac:dyDescent="0.2"/>
    <row r="285" s="3" customFormat="1" x14ac:dyDescent="0.2"/>
    <row r="286" s="3" customFormat="1" x14ac:dyDescent="0.2"/>
    <row r="287" s="3" customFormat="1" x14ac:dyDescent="0.2"/>
    <row r="288" s="3" customFormat="1" x14ac:dyDescent="0.2"/>
    <row r="289" s="3" customFormat="1" x14ac:dyDescent="0.2"/>
    <row r="290" s="3" customFormat="1" x14ac:dyDescent="0.2"/>
    <row r="291" s="3" customFormat="1" x14ac:dyDescent="0.2"/>
    <row r="292" s="3" customFormat="1" x14ac:dyDescent="0.2"/>
    <row r="293" s="3" customFormat="1" x14ac:dyDescent="0.2"/>
    <row r="294" s="3" customFormat="1" x14ac:dyDescent="0.2"/>
    <row r="295" s="3" customFormat="1" x14ac:dyDescent="0.2"/>
    <row r="296" s="3" customFormat="1" x14ac:dyDescent="0.2"/>
    <row r="297" s="3" customFormat="1" x14ac:dyDescent="0.2"/>
    <row r="298" s="3" customFormat="1" x14ac:dyDescent="0.2"/>
    <row r="299" s="3" customFormat="1" x14ac:dyDescent="0.2"/>
    <row r="300" s="3" customFormat="1" x14ac:dyDescent="0.2"/>
    <row r="301" s="3" customFormat="1" x14ac:dyDescent="0.2"/>
    <row r="302" s="3" customFormat="1" x14ac:dyDescent="0.2"/>
    <row r="303" s="3" customFormat="1" x14ac:dyDescent="0.2"/>
    <row r="304" s="3" customFormat="1" x14ac:dyDescent="0.2"/>
    <row r="305" s="3" customFormat="1" x14ac:dyDescent="0.2"/>
    <row r="306" s="3" customFormat="1" x14ac:dyDescent="0.2"/>
    <row r="307" s="3" customFormat="1" x14ac:dyDescent="0.2"/>
    <row r="308" s="3" customFormat="1" x14ac:dyDescent="0.2"/>
    <row r="309" s="3" customFormat="1" x14ac:dyDescent="0.2"/>
    <row r="310" s="3" customFormat="1" x14ac:dyDescent="0.2"/>
    <row r="311" s="3" customFormat="1" x14ac:dyDescent="0.2"/>
    <row r="312" s="3" customFormat="1" x14ac:dyDescent="0.2"/>
    <row r="313" s="3" customFormat="1" x14ac:dyDescent="0.2"/>
    <row r="314" s="3" customFormat="1" x14ac:dyDescent="0.2"/>
    <row r="315" s="3" customFormat="1" x14ac:dyDescent="0.2"/>
    <row r="316" s="3" customFormat="1" x14ac:dyDescent="0.2"/>
    <row r="317" s="3" customFormat="1" x14ac:dyDescent="0.2"/>
    <row r="318" s="3" customFormat="1" x14ac:dyDescent="0.2"/>
    <row r="319" s="3" customFormat="1" x14ac:dyDescent="0.2"/>
    <row r="320" s="3" customFormat="1" x14ac:dyDescent="0.2"/>
    <row r="321" s="3" customFormat="1" x14ac:dyDescent="0.2"/>
    <row r="322" s="3" customFormat="1" x14ac:dyDescent="0.2"/>
    <row r="323" s="3" customFormat="1" x14ac:dyDescent="0.2"/>
    <row r="324" s="3" customFormat="1" x14ac:dyDescent="0.2"/>
    <row r="325" s="3" customFormat="1" x14ac:dyDescent="0.2"/>
    <row r="326" s="3" customFormat="1" x14ac:dyDescent="0.2"/>
    <row r="327" s="3" customFormat="1" x14ac:dyDescent="0.2"/>
    <row r="328" s="3" customFormat="1" x14ac:dyDescent="0.2"/>
    <row r="329" s="3" customFormat="1" x14ac:dyDescent="0.2"/>
    <row r="330" s="3" customFormat="1" x14ac:dyDescent="0.2"/>
    <row r="331" s="3" customFormat="1" x14ac:dyDescent="0.2"/>
    <row r="332" s="3" customFormat="1" x14ac:dyDescent="0.2"/>
    <row r="333" s="3" customFormat="1" x14ac:dyDescent="0.2"/>
    <row r="334" s="3" customFormat="1" x14ac:dyDescent="0.2"/>
    <row r="335" s="3" customFormat="1" x14ac:dyDescent="0.2"/>
    <row r="336" s="3" customFormat="1" x14ac:dyDescent="0.2"/>
    <row r="337" s="3" customFormat="1" x14ac:dyDescent="0.2"/>
    <row r="338" s="3" customFormat="1" x14ac:dyDescent="0.2"/>
    <row r="339" s="3" customFormat="1" x14ac:dyDescent="0.2"/>
    <row r="340" s="3" customFormat="1" x14ac:dyDescent="0.2"/>
    <row r="341" s="3" customFormat="1" x14ac:dyDescent="0.2"/>
    <row r="342" s="3" customFormat="1" x14ac:dyDescent="0.2"/>
    <row r="343" s="3" customFormat="1" x14ac:dyDescent="0.2"/>
    <row r="344" s="3" customFormat="1" x14ac:dyDescent="0.2"/>
    <row r="345" s="3" customFormat="1" x14ac:dyDescent="0.2"/>
    <row r="346" s="3" customFormat="1" x14ac:dyDescent="0.2"/>
    <row r="347" s="3" customFormat="1" x14ac:dyDescent="0.2"/>
    <row r="348" s="3" customFormat="1" x14ac:dyDescent="0.2"/>
    <row r="349" s="3" customFormat="1" x14ac:dyDescent="0.2"/>
    <row r="350" s="3" customFormat="1" x14ac:dyDescent="0.2"/>
    <row r="351" s="3" customFormat="1" x14ac:dyDescent="0.2"/>
    <row r="352" s="3" customFormat="1" x14ac:dyDescent="0.2"/>
    <row r="353" s="3" customFormat="1" x14ac:dyDescent="0.2"/>
    <row r="354" s="3" customFormat="1" x14ac:dyDescent="0.2"/>
    <row r="355" s="3" customFormat="1" x14ac:dyDescent="0.2"/>
    <row r="356" s="3" customFormat="1" x14ac:dyDescent="0.2"/>
    <row r="357" s="3" customFormat="1" x14ac:dyDescent="0.2"/>
    <row r="358" s="3" customFormat="1" x14ac:dyDescent="0.2"/>
    <row r="359" s="3" customFormat="1" x14ac:dyDescent="0.2"/>
    <row r="360" s="3" customFormat="1" x14ac:dyDescent="0.2"/>
    <row r="361" s="3" customFormat="1" x14ac:dyDescent="0.2"/>
    <row r="362" s="3" customFormat="1" x14ac:dyDescent="0.2"/>
    <row r="363" s="3" customFormat="1" x14ac:dyDescent="0.2"/>
    <row r="364" s="3" customFormat="1" x14ac:dyDescent="0.2"/>
    <row r="365" s="3" customFormat="1" x14ac:dyDescent="0.2"/>
    <row r="366" s="3" customFormat="1" x14ac:dyDescent="0.2"/>
    <row r="367" s="3" customFormat="1" x14ac:dyDescent="0.2"/>
    <row r="368" s="3" customFormat="1" x14ac:dyDescent="0.2"/>
    <row r="369" s="3" customFormat="1" x14ac:dyDescent="0.2"/>
    <row r="370" s="3" customFormat="1" x14ac:dyDescent="0.2"/>
    <row r="371" s="3" customFormat="1" x14ac:dyDescent="0.2"/>
    <row r="372" s="3" customFormat="1" x14ac:dyDescent="0.2"/>
    <row r="373" s="3" customFormat="1" x14ac:dyDescent="0.2"/>
    <row r="374" s="3" customFormat="1" x14ac:dyDescent="0.2"/>
    <row r="375" s="3" customFormat="1" x14ac:dyDescent="0.2"/>
    <row r="376" s="3" customFormat="1" x14ac:dyDescent="0.2"/>
    <row r="377" s="3" customFormat="1" x14ac:dyDescent="0.2"/>
    <row r="378" s="3" customFormat="1" x14ac:dyDescent="0.2"/>
    <row r="379" s="3" customFormat="1" x14ac:dyDescent="0.2"/>
    <row r="380" s="3" customFormat="1" x14ac:dyDescent="0.2"/>
    <row r="381" s="3" customFormat="1" x14ac:dyDescent="0.2"/>
    <row r="382" s="3" customFormat="1" x14ac:dyDescent="0.2"/>
    <row r="383" s="3" customFormat="1" x14ac:dyDescent="0.2"/>
    <row r="384" s="3" customFormat="1" x14ac:dyDescent="0.2"/>
    <row r="385" s="3" customFormat="1" x14ac:dyDescent="0.2"/>
    <row r="386" s="3" customFormat="1" x14ac:dyDescent="0.2"/>
    <row r="387" s="3" customFormat="1" x14ac:dyDescent="0.2"/>
    <row r="388" s="3" customFormat="1" x14ac:dyDescent="0.2"/>
    <row r="389" s="3" customFormat="1" x14ac:dyDescent="0.2"/>
    <row r="390" s="3" customFormat="1" x14ac:dyDescent="0.2"/>
    <row r="391" s="3" customFormat="1" x14ac:dyDescent="0.2"/>
    <row r="392" s="3" customFormat="1" x14ac:dyDescent="0.2"/>
    <row r="393" s="3" customFormat="1" x14ac:dyDescent="0.2"/>
    <row r="394" s="3" customFormat="1" x14ac:dyDescent="0.2"/>
    <row r="395" s="3" customFormat="1" x14ac:dyDescent="0.2"/>
    <row r="396" s="3" customFormat="1" x14ac:dyDescent="0.2"/>
    <row r="397" s="3" customFormat="1" x14ac:dyDescent="0.2"/>
    <row r="398" s="3" customFormat="1" x14ac:dyDescent="0.2"/>
    <row r="399" s="3" customFormat="1" x14ac:dyDescent="0.2"/>
    <row r="400" s="3" customFormat="1" x14ac:dyDescent="0.2"/>
    <row r="401" s="3" customFormat="1" x14ac:dyDescent="0.2"/>
    <row r="402" s="3" customFormat="1" x14ac:dyDescent="0.2"/>
    <row r="403" s="3" customFormat="1" x14ac:dyDescent="0.2"/>
    <row r="404" s="3" customFormat="1" x14ac:dyDescent="0.2"/>
    <row r="405" s="3" customFormat="1" x14ac:dyDescent="0.2"/>
    <row r="406" s="3" customFormat="1" x14ac:dyDescent="0.2"/>
    <row r="407" s="3" customFormat="1" x14ac:dyDescent="0.2"/>
    <row r="408" s="3" customFormat="1" x14ac:dyDescent="0.2"/>
    <row r="409" s="3" customFormat="1" x14ac:dyDescent="0.2"/>
    <row r="410" s="3" customFormat="1" x14ac:dyDescent="0.2"/>
    <row r="411" s="3" customFormat="1" x14ac:dyDescent="0.2"/>
    <row r="412" s="3" customFormat="1" x14ac:dyDescent="0.2"/>
    <row r="413" s="3" customFormat="1" x14ac:dyDescent="0.2"/>
    <row r="414" s="3" customFormat="1" x14ac:dyDescent="0.2"/>
    <row r="415" s="3" customFormat="1" x14ac:dyDescent="0.2"/>
    <row r="416" s="3" customFormat="1" x14ac:dyDescent="0.2"/>
    <row r="417" s="3" customFormat="1" x14ac:dyDescent="0.2"/>
    <row r="418" s="3" customFormat="1" x14ac:dyDescent="0.2"/>
    <row r="419" s="3" customFormat="1" x14ac:dyDescent="0.2"/>
    <row r="420" s="3" customFormat="1" x14ac:dyDescent="0.2"/>
    <row r="421" s="3" customFormat="1" x14ac:dyDescent="0.2"/>
    <row r="422" s="3" customFormat="1" x14ac:dyDescent="0.2"/>
    <row r="423" s="3" customFormat="1" x14ac:dyDescent="0.2"/>
    <row r="424" s="3" customFormat="1" x14ac:dyDescent="0.2"/>
    <row r="425" s="3" customFormat="1" x14ac:dyDescent="0.2"/>
    <row r="426" s="3" customFormat="1" x14ac:dyDescent="0.2"/>
    <row r="427" s="3" customFormat="1" x14ac:dyDescent="0.2"/>
    <row r="428" s="3" customFormat="1" x14ac:dyDescent="0.2"/>
    <row r="429" s="3" customFormat="1" x14ac:dyDescent="0.2"/>
    <row r="430" s="3" customFormat="1" x14ac:dyDescent="0.2"/>
    <row r="431" s="3" customFormat="1" x14ac:dyDescent="0.2"/>
    <row r="432" s="3" customFormat="1" x14ac:dyDescent="0.2"/>
    <row r="433" s="3" customFormat="1" x14ac:dyDescent="0.2"/>
    <row r="434" s="3" customFormat="1" x14ac:dyDescent="0.2"/>
    <row r="435" s="3" customFormat="1" x14ac:dyDescent="0.2"/>
    <row r="436" s="3" customFormat="1" x14ac:dyDescent="0.2"/>
    <row r="437" s="3" customFormat="1" x14ac:dyDescent="0.2"/>
    <row r="438" s="3" customFormat="1" x14ac:dyDescent="0.2"/>
    <row r="439" s="3" customFormat="1" x14ac:dyDescent="0.2"/>
    <row r="440" s="3" customFormat="1" x14ac:dyDescent="0.2"/>
    <row r="441" s="3" customFormat="1" x14ac:dyDescent="0.2"/>
    <row r="442" s="3" customFormat="1" x14ac:dyDescent="0.2"/>
    <row r="443" s="3" customFormat="1" x14ac:dyDescent="0.2"/>
    <row r="444" s="3" customFormat="1" x14ac:dyDescent="0.2"/>
    <row r="445" s="3" customFormat="1" x14ac:dyDescent="0.2"/>
    <row r="446" s="3" customFormat="1" x14ac:dyDescent="0.2"/>
    <row r="447" s="3" customFormat="1" x14ac:dyDescent="0.2"/>
    <row r="448" s="3" customFormat="1" x14ac:dyDescent="0.2"/>
    <row r="449" s="3" customFormat="1" x14ac:dyDescent="0.2"/>
    <row r="450" s="3" customFormat="1" x14ac:dyDescent="0.2"/>
    <row r="451" s="3" customFormat="1" x14ac:dyDescent="0.2"/>
    <row r="452" s="3" customFormat="1" x14ac:dyDescent="0.2"/>
    <row r="453" s="3" customFormat="1" x14ac:dyDescent="0.2"/>
    <row r="454" s="3" customFormat="1" x14ac:dyDescent="0.2"/>
    <row r="455" s="3" customFormat="1" x14ac:dyDescent="0.2"/>
    <row r="456" s="3" customFormat="1" x14ac:dyDescent="0.2"/>
    <row r="457" s="3" customFormat="1" x14ac:dyDescent="0.2"/>
    <row r="458" s="3" customFormat="1" x14ac:dyDescent="0.2"/>
    <row r="459" s="3" customFormat="1" x14ac:dyDescent="0.2"/>
    <row r="460" s="3" customFormat="1" x14ac:dyDescent="0.2"/>
    <row r="461" s="3" customFormat="1" x14ac:dyDescent="0.2"/>
    <row r="462" s="3" customFormat="1" x14ac:dyDescent="0.2"/>
    <row r="463" s="3" customFormat="1" x14ac:dyDescent="0.2"/>
    <row r="464" s="3" customFormat="1" x14ac:dyDescent="0.2"/>
    <row r="465" s="3" customFormat="1" x14ac:dyDescent="0.2"/>
    <row r="466" s="3" customFormat="1" x14ac:dyDescent="0.2"/>
    <row r="467" s="3" customFormat="1" x14ac:dyDescent="0.2"/>
    <row r="468" s="3" customFormat="1" x14ac:dyDescent="0.2"/>
    <row r="469" s="3" customFormat="1" x14ac:dyDescent="0.2"/>
    <row r="470" s="3" customFormat="1" x14ac:dyDescent="0.2"/>
    <row r="471" s="3" customFormat="1" x14ac:dyDescent="0.2"/>
    <row r="472" s="3" customFormat="1" x14ac:dyDescent="0.2"/>
    <row r="473" s="3" customFormat="1" x14ac:dyDescent="0.2"/>
    <row r="474" s="3" customFormat="1" x14ac:dyDescent="0.2"/>
    <row r="475" s="3" customFormat="1" x14ac:dyDescent="0.2"/>
    <row r="476" s="3" customFormat="1" x14ac:dyDescent="0.2"/>
    <row r="477" s="3" customFormat="1" x14ac:dyDescent="0.2"/>
    <row r="478" s="3" customFormat="1" x14ac:dyDescent="0.2"/>
    <row r="479" s="3" customFormat="1" x14ac:dyDescent="0.2"/>
    <row r="480" s="3" customFormat="1" x14ac:dyDescent="0.2"/>
    <row r="481" s="3" customFormat="1" x14ac:dyDescent="0.2"/>
    <row r="482" s="3" customFormat="1" x14ac:dyDescent="0.2"/>
    <row r="483" s="3" customFormat="1" x14ac:dyDescent="0.2"/>
    <row r="484" s="3" customFormat="1" x14ac:dyDescent="0.2"/>
    <row r="485" s="3" customFormat="1" x14ac:dyDescent="0.2"/>
    <row r="486" s="3" customFormat="1" x14ac:dyDescent="0.2"/>
    <row r="487" s="3" customFormat="1" x14ac:dyDescent="0.2"/>
    <row r="488" s="3" customFormat="1" x14ac:dyDescent="0.2"/>
    <row r="489" s="3" customFormat="1" x14ac:dyDescent="0.2"/>
    <row r="490" s="3" customFormat="1" x14ac:dyDescent="0.2"/>
    <row r="491" s="3" customFormat="1" x14ac:dyDescent="0.2"/>
    <row r="492" s="3" customFormat="1" x14ac:dyDescent="0.2"/>
    <row r="493" s="3" customFormat="1" x14ac:dyDescent="0.2"/>
    <row r="494" s="3" customFormat="1" x14ac:dyDescent="0.2"/>
    <row r="495" s="3" customFormat="1" x14ac:dyDescent="0.2"/>
    <row r="496" s="3" customFormat="1" x14ac:dyDescent="0.2"/>
    <row r="497" s="3" customFormat="1" x14ac:dyDescent="0.2"/>
    <row r="498" s="3" customFormat="1" x14ac:dyDescent="0.2"/>
    <row r="499" s="3" customFormat="1" x14ac:dyDescent="0.2"/>
    <row r="500" s="3" customFormat="1" x14ac:dyDescent="0.2"/>
    <row r="501" s="3" customFormat="1" x14ac:dyDescent="0.2"/>
    <row r="502" s="3" customFormat="1" x14ac:dyDescent="0.2"/>
    <row r="503" s="3" customFormat="1" x14ac:dyDescent="0.2"/>
    <row r="504" s="3" customFormat="1" x14ac:dyDescent="0.2"/>
    <row r="505" s="3" customFormat="1" x14ac:dyDescent="0.2"/>
    <row r="506" s="3" customFormat="1" x14ac:dyDescent="0.2"/>
    <row r="507" s="3" customFormat="1" x14ac:dyDescent="0.2"/>
    <row r="508" s="3" customFormat="1" x14ac:dyDescent="0.2"/>
    <row r="509" s="3" customFormat="1" x14ac:dyDescent="0.2"/>
    <row r="510" s="3" customFormat="1" x14ac:dyDescent="0.2"/>
    <row r="511" s="3" customFormat="1" x14ac:dyDescent="0.2"/>
    <row r="512" s="3" customFormat="1" x14ac:dyDescent="0.2"/>
    <row r="513" s="3" customFormat="1" x14ac:dyDescent="0.2"/>
    <row r="514" s="3" customFormat="1" x14ac:dyDescent="0.2"/>
    <row r="515" s="3" customFormat="1" x14ac:dyDescent="0.2"/>
    <row r="516" s="3" customFormat="1" x14ac:dyDescent="0.2"/>
    <row r="517" s="3" customFormat="1" x14ac:dyDescent="0.2"/>
    <row r="518" s="3" customFormat="1" x14ac:dyDescent="0.2"/>
    <row r="519" s="3" customFormat="1" x14ac:dyDescent="0.2"/>
    <row r="520" s="3" customFormat="1" x14ac:dyDescent="0.2"/>
    <row r="521" s="3" customFormat="1" x14ac:dyDescent="0.2"/>
    <row r="522" s="3" customFormat="1" x14ac:dyDescent="0.2"/>
    <row r="523" s="3" customFormat="1" x14ac:dyDescent="0.2"/>
    <row r="524" s="3" customFormat="1" x14ac:dyDescent="0.2"/>
    <row r="525" s="3" customFormat="1" x14ac:dyDescent="0.2"/>
    <row r="526" s="3" customFormat="1" x14ac:dyDescent="0.2"/>
    <row r="527" s="3" customFormat="1" x14ac:dyDescent="0.2"/>
    <row r="528" s="3" customFormat="1" x14ac:dyDescent="0.2"/>
    <row r="529" s="3" customFormat="1" x14ac:dyDescent="0.2"/>
    <row r="530" s="3" customFormat="1" x14ac:dyDescent="0.2"/>
    <row r="531" s="3" customFormat="1" x14ac:dyDescent="0.2"/>
    <row r="532" s="3" customFormat="1" x14ac:dyDescent="0.2"/>
    <row r="533" s="3" customFormat="1" x14ac:dyDescent="0.2"/>
    <row r="534" s="3" customFormat="1" x14ac:dyDescent="0.2"/>
    <row r="535" s="3" customFormat="1" x14ac:dyDescent="0.2"/>
    <row r="536" s="3" customFormat="1" x14ac:dyDescent="0.2"/>
    <row r="537" s="3" customFormat="1" x14ac:dyDescent="0.2"/>
    <row r="538" s="3" customFormat="1" x14ac:dyDescent="0.2"/>
    <row r="539" s="3" customFormat="1" x14ac:dyDescent="0.2"/>
    <row r="540" s="3" customFormat="1" x14ac:dyDescent="0.2"/>
    <row r="541" s="3" customFormat="1" x14ac:dyDescent="0.2"/>
    <row r="542" s="3" customFormat="1" x14ac:dyDescent="0.2"/>
    <row r="543" s="3" customFormat="1" x14ac:dyDescent="0.2"/>
    <row r="544" s="3" customFormat="1" x14ac:dyDescent="0.2"/>
    <row r="545" s="3" customFormat="1" x14ac:dyDescent="0.2"/>
    <row r="546" s="3" customFormat="1" x14ac:dyDescent="0.2"/>
    <row r="547" s="3" customFormat="1" x14ac:dyDescent="0.2"/>
    <row r="548" s="3" customFormat="1" x14ac:dyDescent="0.2"/>
    <row r="549" s="3" customFormat="1" x14ac:dyDescent="0.2"/>
    <row r="550" s="3" customFormat="1" x14ac:dyDescent="0.2"/>
    <row r="551" s="3" customFormat="1" x14ac:dyDescent="0.2"/>
    <row r="552" s="3" customFormat="1" x14ac:dyDescent="0.2"/>
    <row r="553" s="3" customFormat="1" x14ac:dyDescent="0.2"/>
    <row r="554" s="3" customFormat="1" x14ac:dyDescent="0.2"/>
    <row r="555" s="3" customFormat="1" x14ac:dyDescent="0.2"/>
    <row r="556" s="3" customFormat="1" x14ac:dyDescent="0.2"/>
    <row r="557" s="3" customFormat="1" x14ac:dyDescent="0.2"/>
    <row r="558" s="3" customFormat="1" x14ac:dyDescent="0.2"/>
    <row r="559" s="3" customFormat="1" x14ac:dyDescent="0.2"/>
    <row r="560" s="3" customFormat="1" x14ac:dyDescent="0.2"/>
    <row r="561" s="3" customFormat="1" x14ac:dyDescent="0.2"/>
    <row r="562" s="3" customFormat="1" x14ac:dyDescent="0.2"/>
    <row r="563" s="3" customFormat="1" x14ac:dyDescent="0.2"/>
    <row r="564" s="3" customFormat="1" x14ac:dyDescent="0.2"/>
    <row r="565" s="3" customFormat="1" x14ac:dyDescent="0.2"/>
    <row r="566" s="3" customFormat="1" x14ac:dyDescent="0.2"/>
    <row r="567" s="3" customFormat="1" x14ac:dyDescent="0.2"/>
    <row r="568" s="3" customFormat="1" x14ac:dyDescent="0.2"/>
    <row r="569" s="3" customFormat="1" x14ac:dyDescent="0.2"/>
    <row r="570" s="3" customFormat="1" x14ac:dyDescent="0.2"/>
    <row r="571" s="3" customFormat="1" x14ac:dyDescent="0.2"/>
    <row r="572" s="3" customFormat="1" x14ac:dyDescent="0.2"/>
    <row r="573" s="3" customFormat="1" x14ac:dyDescent="0.2"/>
    <row r="574" s="3" customFormat="1" x14ac:dyDescent="0.2"/>
    <row r="575" s="3" customFormat="1" x14ac:dyDescent="0.2"/>
    <row r="576" s="3" customFormat="1" x14ac:dyDescent="0.2"/>
    <row r="577" s="3" customFormat="1" x14ac:dyDescent="0.2"/>
    <row r="578" s="3" customFormat="1" x14ac:dyDescent="0.2"/>
    <row r="579" s="3" customFormat="1" x14ac:dyDescent="0.2"/>
    <row r="580" s="3" customFormat="1" x14ac:dyDescent="0.2"/>
    <row r="581" s="3" customFormat="1" x14ac:dyDescent="0.2"/>
    <row r="582" s="3" customFormat="1" x14ac:dyDescent="0.2"/>
    <row r="583" s="3" customFormat="1" x14ac:dyDescent="0.2"/>
    <row r="584" s="3" customFormat="1" x14ac:dyDescent="0.2"/>
    <row r="585" s="3" customFormat="1" x14ac:dyDescent="0.2"/>
    <row r="586" s="3" customFormat="1" x14ac:dyDescent="0.2"/>
    <row r="587" s="3" customFormat="1" x14ac:dyDescent="0.2"/>
    <row r="588" s="3" customFormat="1" x14ac:dyDescent="0.2"/>
    <row r="589" s="3" customFormat="1" x14ac:dyDescent="0.2"/>
    <row r="590" s="3" customFormat="1" x14ac:dyDescent="0.2"/>
    <row r="591" s="3" customFormat="1" x14ac:dyDescent="0.2"/>
    <row r="592" s="3" customFormat="1" x14ac:dyDescent="0.2"/>
    <row r="593" s="3" customFormat="1" x14ac:dyDescent="0.2"/>
    <row r="594" s="3" customFormat="1" x14ac:dyDescent="0.2"/>
    <row r="595" s="3" customFormat="1" x14ac:dyDescent="0.2"/>
    <row r="596" s="3" customFormat="1" x14ac:dyDescent="0.2"/>
    <row r="597" s="3" customFormat="1" x14ac:dyDescent="0.2"/>
    <row r="598" s="3" customFormat="1" x14ac:dyDescent="0.2"/>
    <row r="599" s="3" customFormat="1" x14ac:dyDescent="0.2"/>
    <row r="600" s="3" customFormat="1" x14ac:dyDescent="0.2"/>
    <row r="601" s="3" customFormat="1" x14ac:dyDescent="0.2"/>
    <row r="602" s="3" customFormat="1" x14ac:dyDescent="0.2"/>
    <row r="603" s="3" customFormat="1" x14ac:dyDescent="0.2"/>
    <row r="604" s="3" customFormat="1" x14ac:dyDescent="0.2"/>
    <row r="605" s="3" customFormat="1" x14ac:dyDescent="0.2"/>
    <row r="606" s="3" customFormat="1" x14ac:dyDescent="0.2"/>
    <row r="607" s="3" customFormat="1" x14ac:dyDescent="0.2"/>
    <row r="608" s="3" customFormat="1" x14ac:dyDescent="0.2"/>
    <row r="609" s="3" customFormat="1" x14ac:dyDescent="0.2"/>
    <row r="610" s="3" customFormat="1" x14ac:dyDescent="0.2"/>
    <row r="611" s="3" customFormat="1" x14ac:dyDescent="0.2"/>
    <row r="612" s="3" customFormat="1" x14ac:dyDescent="0.2"/>
    <row r="613" s="3" customFormat="1" x14ac:dyDescent="0.2"/>
    <row r="614" s="3" customFormat="1" x14ac:dyDescent="0.2"/>
    <row r="615" s="3" customFormat="1" x14ac:dyDescent="0.2"/>
    <row r="616" s="3" customFormat="1" x14ac:dyDescent="0.2"/>
    <row r="617" s="3" customFormat="1" x14ac:dyDescent="0.2"/>
    <row r="618" s="3" customFormat="1" x14ac:dyDescent="0.2"/>
    <row r="619" s="3" customFormat="1" x14ac:dyDescent="0.2"/>
    <row r="620" s="3" customFormat="1" x14ac:dyDescent="0.2"/>
    <row r="621" s="3" customFormat="1" x14ac:dyDescent="0.2"/>
    <row r="622" s="3" customFormat="1" x14ac:dyDescent="0.2"/>
    <row r="623" s="3" customFormat="1" x14ac:dyDescent="0.2"/>
    <row r="624" s="3" customFormat="1" x14ac:dyDescent="0.2"/>
    <row r="625" s="3" customFormat="1" x14ac:dyDescent="0.2"/>
    <row r="626" s="3" customFormat="1" x14ac:dyDescent="0.2"/>
    <row r="627" s="3" customFormat="1" x14ac:dyDescent="0.2"/>
    <row r="628" s="3" customFormat="1" x14ac:dyDescent="0.2"/>
    <row r="629" s="3" customFormat="1" x14ac:dyDescent="0.2"/>
    <row r="630" s="3" customFormat="1" x14ac:dyDescent="0.2"/>
    <row r="631" s="3" customFormat="1" x14ac:dyDescent="0.2"/>
    <row r="632" s="3" customFormat="1" x14ac:dyDescent="0.2"/>
    <row r="633" s="3" customFormat="1" x14ac:dyDescent="0.2"/>
    <row r="634" s="3" customFormat="1" x14ac:dyDescent="0.2"/>
    <row r="635" s="3" customFormat="1" x14ac:dyDescent="0.2"/>
    <row r="636" s="3" customFormat="1" x14ac:dyDescent="0.2"/>
    <row r="637" s="3" customFormat="1" x14ac:dyDescent="0.2"/>
    <row r="638" s="3" customFormat="1" x14ac:dyDescent="0.2"/>
    <row r="639" s="3" customFormat="1" x14ac:dyDescent="0.2"/>
    <row r="640" s="3" customFormat="1" x14ac:dyDescent="0.2"/>
    <row r="641" s="3" customFormat="1" x14ac:dyDescent="0.2"/>
    <row r="642" s="3" customFormat="1" x14ac:dyDescent="0.2"/>
    <row r="643" s="3" customFormat="1" x14ac:dyDescent="0.2"/>
    <row r="644" s="3" customFormat="1" x14ac:dyDescent="0.2"/>
    <row r="645" s="3" customFormat="1" x14ac:dyDescent="0.2"/>
    <row r="646" s="3" customFormat="1" x14ac:dyDescent="0.2"/>
    <row r="647" s="3" customFormat="1" x14ac:dyDescent="0.2"/>
    <row r="648" s="3" customFormat="1" x14ac:dyDescent="0.2"/>
    <row r="649" s="3" customFormat="1" x14ac:dyDescent="0.2"/>
    <row r="650" s="3" customFormat="1" x14ac:dyDescent="0.2"/>
    <row r="651" s="3" customFormat="1" x14ac:dyDescent="0.2"/>
    <row r="652" s="3" customFormat="1" x14ac:dyDescent="0.2"/>
    <row r="653" s="3" customFormat="1" x14ac:dyDescent="0.2"/>
    <row r="654" s="3" customFormat="1" x14ac:dyDescent="0.2"/>
    <row r="655" s="3" customFormat="1" x14ac:dyDescent="0.2"/>
    <row r="656" s="3" customFormat="1" x14ac:dyDescent="0.2"/>
    <row r="657" s="3" customFormat="1" x14ac:dyDescent="0.2"/>
    <row r="658" s="3" customFormat="1" x14ac:dyDescent="0.2"/>
    <row r="659" s="3" customFormat="1" x14ac:dyDescent="0.2"/>
    <row r="660" s="3" customFormat="1" x14ac:dyDescent="0.2"/>
    <row r="661" s="3" customFormat="1" x14ac:dyDescent="0.2"/>
    <row r="662" s="3" customFormat="1" x14ac:dyDescent="0.2"/>
    <row r="663" s="3" customFormat="1" x14ac:dyDescent="0.2"/>
    <row r="664" s="3" customFormat="1" x14ac:dyDescent="0.2"/>
    <row r="665" s="3" customFormat="1" x14ac:dyDescent="0.2"/>
    <row r="666" s="3" customFormat="1" x14ac:dyDescent="0.2"/>
    <row r="667" s="3" customFormat="1" x14ac:dyDescent="0.2"/>
    <row r="668" s="3" customFormat="1" x14ac:dyDescent="0.2"/>
    <row r="669" s="3" customFormat="1" x14ac:dyDescent="0.2"/>
    <row r="670" s="3" customFormat="1" x14ac:dyDescent="0.2"/>
    <row r="671" s="3" customFormat="1" x14ac:dyDescent="0.2"/>
    <row r="672" s="3" customFormat="1" x14ac:dyDescent="0.2"/>
    <row r="673" s="3" customFormat="1" x14ac:dyDescent="0.2"/>
    <row r="674" s="3" customFormat="1" x14ac:dyDescent="0.2"/>
    <row r="675" s="3" customFormat="1" x14ac:dyDescent="0.2"/>
    <row r="676" s="3" customFormat="1" x14ac:dyDescent="0.2"/>
    <row r="677" s="3" customFormat="1" x14ac:dyDescent="0.2"/>
    <row r="678" s="3" customFormat="1" x14ac:dyDescent="0.2"/>
    <row r="679" s="3" customFormat="1" x14ac:dyDescent="0.2"/>
    <row r="680" s="3" customFormat="1" x14ac:dyDescent="0.2"/>
    <row r="681" s="3" customFormat="1" x14ac:dyDescent="0.2"/>
    <row r="682" s="3" customFormat="1" x14ac:dyDescent="0.2"/>
    <row r="683" s="3" customFormat="1" x14ac:dyDescent="0.2"/>
    <row r="684" s="3" customFormat="1" x14ac:dyDescent="0.2"/>
    <row r="685" s="3" customFormat="1" x14ac:dyDescent="0.2"/>
    <row r="686" s="3" customFormat="1" x14ac:dyDescent="0.2"/>
    <row r="687" s="3" customFormat="1" x14ac:dyDescent="0.2"/>
    <row r="688" s="3" customFormat="1" x14ac:dyDescent="0.2"/>
    <row r="689" s="3" customFormat="1" x14ac:dyDescent="0.2"/>
    <row r="690" s="3" customFormat="1" x14ac:dyDescent="0.2"/>
    <row r="691" s="3" customFormat="1" x14ac:dyDescent="0.2"/>
    <row r="692" s="3" customFormat="1" x14ac:dyDescent="0.2"/>
    <row r="693" s="3" customFormat="1" x14ac:dyDescent="0.2"/>
    <row r="694" s="3" customFormat="1" x14ac:dyDescent="0.2"/>
    <row r="695" s="3" customFormat="1" x14ac:dyDescent="0.2"/>
    <row r="696" s="3" customFormat="1" x14ac:dyDescent="0.2"/>
    <row r="697" s="3" customFormat="1" x14ac:dyDescent="0.2"/>
    <row r="698" s="3" customFormat="1" x14ac:dyDescent="0.2"/>
    <row r="699" s="3" customFormat="1" x14ac:dyDescent="0.2"/>
    <row r="700" s="3" customFormat="1" x14ac:dyDescent="0.2"/>
    <row r="701" s="3" customFormat="1" x14ac:dyDescent="0.2"/>
    <row r="702" s="3" customFormat="1" x14ac:dyDescent="0.2"/>
    <row r="703" s="3" customFormat="1" x14ac:dyDescent="0.2"/>
    <row r="704" s="3" customFormat="1" x14ac:dyDescent="0.2"/>
    <row r="705" s="3" customFormat="1" x14ac:dyDescent="0.2"/>
    <row r="706" s="3" customFormat="1" x14ac:dyDescent="0.2"/>
    <row r="707" s="3" customFormat="1" x14ac:dyDescent="0.2"/>
    <row r="708" s="3" customFormat="1" x14ac:dyDescent="0.2"/>
    <row r="709" s="3" customFormat="1" x14ac:dyDescent="0.2"/>
    <row r="710" s="3" customFormat="1" x14ac:dyDescent="0.2"/>
    <row r="711" s="3" customFormat="1" x14ac:dyDescent="0.2"/>
    <row r="712" s="3" customFormat="1" x14ac:dyDescent="0.2"/>
    <row r="713" s="3" customFormat="1" x14ac:dyDescent="0.2"/>
    <row r="714" s="3" customFormat="1" x14ac:dyDescent="0.2"/>
    <row r="715" s="3" customFormat="1" x14ac:dyDescent="0.2"/>
    <row r="716" s="3" customFormat="1" x14ac:dyDescent="0.2"/>
    <row r="717" s="3" customFormat="1" x14ac:dyDescent="0.2"/>
    <row r="718" s="3" customFormat="1" x14ac:dyDescent="0.2"/>
    <row r="719" s="3" customFormat="1" x14ac:dyDescent="0.2"/>
    <row r="720" s="3" customFormat="1" x14ac:dyDescent="0.2"/>
    <row r="721" s="3" customFormat="1" x14ac:dyDescent="0.2"/>
    <row r="722" s="3" customFormat="1" x14ac:dyDescent="0.2"/>
    <row r="723" s="3" customFormat="1" x14ac:dyDescent="0.2"/>
    <row r="724" s="3" customFormat="1" x14ac:dyDescent="0.2"/>
    <row r="725" s="3" customFormat="1" x14ac:dyDescent="0.2"/>
    <row r="726" s="3" customFormat="1" x14ac:dyDescent="0.2"/>
    <row r="727" s="3" customFormat="1" x14ac:dyDescent="0.2"/>
    <row r="728" s="3" customFormat="1" x14ac:dyDescent="0.2"/>
    <row r="729" s="3" customFormat="1" x14ac:dyDescent="0.2"/>
    <row r="730" s="3" customFormat="1" x14ac:dyDescent="0.2"/>
    <row r="731" s="3" customFormat="1" x14ac:dyDescent="0.2"/>
    <row r="732" s="3" customFormat="1" x14ac:dyDescent="0.2"/>
    <row r="733" s="3" customFormat="1" x14ac:dyDescent="0.2"/>
    <row r="734" s="3" customFormat="1" x14ac:dyDescent="0.2"/>
    <row r="735" s="3" customFormat="1" x14ac:dyDescent="0.2"/>
    <row r="736" s="3" customFormat="1" x14ac:dyDescent="0.2"/>
    <row r="737" s="3" customFormat="1" x14ac:dyDescent="0.2"/>
    <row r="738" s="3" customFormat="1" x14ac:dyDescent="0.2"/>
    <row r="739" s="3" customFormat="1" x14ac:dyDescent="0.2"/>
    <row r="740" s="3" customFormat="1" x14ac:dyDescent="0.2"/>
    <row r="741" s="3" customFormat="1" x14ac:dyDescent="0.2"/>
    <row r="742" s="3" customFormat="1" x14ac:dyDescent="0.2"/>
    <row r="743" s="3" customFormat="1" x14ac:dyDescent="0.2"/>
    <row r="744" s="3" customFormat="1" x14ac:dyDescent="0.2"/>
    <row r="745" s="3" customFormat="1" x14ac:dyDescent="0.2"/>
    <row r="746" s="3" customFormat="1" x14ac:dyDescent="0.2"/>
    <row r="747" s="3" customFormat="1" x14ac:dyDescent="0.2"/>
    <row r="748" s="3" customFormat="1" x14ac:dyDescent="0.2"/>
    <row r="749" s="3" customFormat="1" x14ac:dyDescent="0.2"/>
    <row r="750" s="3" customFormat="1" x14ac:dyDescent="0.2"/>
    <row r="751" s="3" customFormat="1" x14ac:dyDescent="0.2"/>
    <row r="752" s="3" customFormat="1" x14ac:dyDescent="0.2"/>
    <row r="753" s="3" customFormat="1" x14ac:dyDescent="0.2"/>
    <row r="754" s="3" customFormat="1" x14ac:dyDescent="0.2"/>
    <row r="755" s="3" customFormat="1" x14ac:dyDescent="0.2"/>
    <row r="756" s="3" customFormat="1" x14ac:dyDescent="0.2"/>
    <row r="757" s="3" customFormat="1" x14ac:dyDescent="0.2"/>
    <row r="758" s="3" customFormat="1" x14ac:dyDescent="0.2"/>
    <row r="759" s="3" customFormat="1" x14ac:dyDescent="0.2"/>
    <row r="760" s="3" customFormat="1" x14ac:dyDescent="0.2"/>
    <row r="761" s="3" customFormat="1" x14ac:dyDescent="0.2"/>
    <row r="762" s="3" customFormat="1" x14ac:dyDescent="0.2"/>
    <row r="763" s="3" customFormat="1" x14ac:dyDescent="0.2"/>
    <row r="764" s="3" customFormat="1" x14ac:dyDescent="0.2"/>
    <row r="765" s="3" customFormat="1" x14ac:dyDescent="0.2"/>
    <row r="766" s="3" customFormat="1" x14ac:dyDescent="0.2"/>
    <row r="767" s="3" customFormat="1" x14ac:dyDescent="0.2"/>
    <row r="768" s="3" customFormat="1" x14ac:dyDescent="0.2"/>
    <row r="769" s="3" customFormat="1" x14ac:dyDescent="0.2"/>
    <row r="770" s="3" customFormat="1" x14ac:dyDescent="0.2"/>
    <row r="771" s="3" customFormat="1" x14ac:dyDescent="0.2"/>
    <row r="772" s="3" customFormat="1" x14ac:dyDescent="0.2"/>
    <row r="773" s="3" customFormat="1" x14ac:dyDescent="0.2"/>
    <row r="774" s="3" customFormat="1" x14ac:dyDescent="0.2"/>
    <row r="775" s="3" customFormat="1" x14ac:dyDescent="0.2"/>
    <row r="776" s="3" customFormat="1" x14ac:dyDescent="0.2"/>
    <row r="777" s="3" customFormat="1" x14ac:dyDescent="0.2"/>
    <row r="778" s="3" customFormat="1" x14ac:dyDescent="0.2"/>
    <row r="779" s="3" customFormat="1" x14ac:dyDescent="0.2"/>
    <row r="780" s="3" customFormat="1" x14ac:dyDescent="0.2"/>
    <row r="781" s="3" customFormat="1" x14ac:dyDescent="0.2"/>
    <row r="782" s="3" customFormat="1" x14ac:dyDescent="0.2"/>
    <row r="783" s="3" customFormat="1" x14ac:dyDescent="0.2"/>
    <row r="784" s="3" customFormat="1" x14ac:dyDescent="0.2"/>
    <row r="785" s="3" customFormat="1" x14ac:dyDescent="0.2"/>
    <row r="786" s="3" customFormat="1" x14ac:dyDescent="0.2"/>
    <row r="787" s="3" customFormat="1" x14ac:dyDescent="0.2"/>
    <row r="788" s="3" customFormat="1" x14ac:dyDescent="0.2"/>
    <row r="789" s="3" customFormat="1" x14ac:dyDescent="0.2"/>
    <row r="790" s="3" customFormat="1" x14ac:dyDescent="0.2"/>
    <row r="791" s="3" customFormat="1" x14ac:dyDescent="0.2"/>
    <row r="792" s="3" customFormat="1" x14ac:dyDescent="0.2"/>
    <row r="793" s="3" customFormat="1" x14ac:dyDescent="0.2"/>
    <row r="794" s="3" customFormat="1" x14ac:dyDescent="0.2"/>
    <row r="795" s="3" customFormat="1" x14ac:dyDescent="0.2"/>
    <row r="796" s="3" customFormat="1" x14ac:dyDescent="0.2"/>
    <row r="797" s="3" customFormat="1" x14ac:dyDescent="0.2"/>
    <row r="798" s="3" customFormat="1" x14ac:dyDescent="0.2"/>
    <row r="799" s="3" customFormat="1" x14ac:dyDescent="0.2"/>
    <row r="800" s="3" customFormat="1" x14ac:dyDescent="0.2"/>
    <row r="801" s="3" customFormat="1" x14ac:dyDescent="0.2"/>
    <row r="802" s="3" customFormat="1" x14ac:dyDescent="0.2"/>
    <row r="803" s="3" customFormat="1" x14ac:dyDescent="0.2"/>
    <row r="804" s="3" customFormat="1" x14ac:dyDescent="0.2"/>
    <row r="805" s="3" customFormat="1" x14ac:dyDescent="0.2"/>
    <row r="806" s="3" customFormat="1" x14ac:dyDescent="0.2"/>
    <row r="807" s="3" customFormat="1" x14ac:dyDescent="0.2"/>
    <row r="808" s="3" customFormat="1" x14ac:dyDescent="0.2"/>
    <row r="809" s="3" customFormat="1" x14ac:dyDescent="0.2"/>
    <row r="810" s="3" customFormat="1" x14ac:dyDescent="0.2"/>
    <row r="811" s="3" customFormat="1" x14ac:dyDescent="0.2"/>
    <row r="812" s="3" customFormat="1" x14ac:dyDescent="0.2"/>
    <row r="813" s="3" customFormat="1" x14ac:dyDescent="0.2"/>
    <row r="814" s="3" customFormat="1" x14ac:dyDescent="0.2"/>
    <row r="815" s="3" customFormat="1" x14ac:dyDescent="0.2"/>
    <row r="816" s="3" customFormat="1" x14ac:dyDescent="0.2"/>
    <row r="817" s="3" customFormat="1" x14ac:dyDescent="0.2"/>
    <row r="818" s="3" customFormat="1" x14ac:dyDescent="0.2"/>
    <row r="819" s="3" customFormat="1" x14ac:dyDescent="0.2"/>
    <row r="820" s="3" customFormat="1" x14ac:dyDescent="0.2"/>
    <row r="821" s="3" customFormat="1" x14ac:dyDescent="0.2"/>
    <row r="822" s="3" customFormat="1" x14ac:dyDescent="0.2"/>
    <row r="823" s="3" customFormat="1" x14ac:dyDescent="0.2"/>
    <row r="824" s="3" customFormat="1" x14ac:dyDescent="0.2"/>
    <row r="825" s="3" customFormat="1" x14ac:dyDescent="0.2"/>
    <row r="826" s="3" customFormat="1" x14ac:dyDescent="0.2"/>
    <row r="827" s="3" customFormat="1" x14ac:dyDescent="0.2"/>
    <row r="828" s="3" customFormat="1" x14ac:dyDescent="0.2"/>
  </sheetData>
  <mergeCells count="9">
    <mergeCell ref="B1:J1"/>
    <mergeCell ref="B16:E16"/>
    <mergeCell ref="C7:J7"/>
    <mergeCell ref="D18:I18"/>
    <mergeCell ref="D21:I21"/>
    <mergeCell ref="C10:J10"/>
    <mergeCell ref="C12:J12"/>
    <mergeCell ref="B14:I14"/>
    <mergeCell ref="B3:I3"/>
  </mergeCells>
  <phoneticPr fontId="3"/>
  <pageMargins left="0.41" right="0.2" top="1" bottom="1" header="0.51200000000000001" footer="0.51200000000000001"/>
  <pageSetup paperSize="9" scale="98"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Y53"/>
  <sheetViews>
    <sheetView view="pageBreakPreview" zoomScale="60" zoomScaleNormal="100" workbookViewId="0">
      <selection activeCell="Y12" sqref="Y12"/>
    </sheetView>
  </sheetViews>
  <sheetFormatPr defaultColWidth="9" defaultRowHeight="14.4" x14ac:dyDescent="0.2"/>
  <cols>
    <col min="1" max="61" width="3.6640625" style="40" customWidth="1"/>
    <col min="62" max="16384" width="9" style="40"/>
  </cols>
  <sheetData>
    <row r="1" spans="2:25" x14ac:dyDescent="0.2">
      <c r="V1" s="40" t="s">
        <v>0</v>
      </c>
      <c r="Y1" s="40" t="s">
        <v>1</v>
      </c>
    </row>
    <row r="2" spans="2:25" x14ac:dyDescent="0.2">
      <c r="R2" s="40" t="s">
        <v>145</v>
      </c>
      <c r="U2" s="40" t="s">
        <v>3</v>
      </c>
      <c r="W2" s="40" t="s">
        <v>4</v>
      </c>
      <c r="Y2" s="40" t="s">
        <v>5</v>
      </c>
    </row>
    <row r="6" spans="2:25" ht="20.100000000000001" customHeight="1" x14ac:dyDescent="0.2">
      <c r="B6" s="40" t="s">
        <v>6</v>
      </c>
    </row>
    <row r="8" spans="2:25" ht="20.100000000000001" customHeight="1" x14ac:dyDescent="0.2">
      <c r="N8" s="40" t="s">
        <v>100</v>
      </c>
      <c r="S8" s="40" t="s">
        <v>101</v>
      </c>
    </row>
    <row r="9" spans="2:25" ht="20.100000000000001" customHeight="1" x14ac:dyDescent="0.2">
      <c r="N9" s="40" t="s">
        <v>8</v>
      </c>
    </row>
    <row r="10" spans="2:25" ht="14.25" customHeight="1" x14ac:dyDescent="0.2"/>
    <row r="11" spans="2:25" ht="20.100000000000001" customHeight="1" x14ac:dyDescent="0.2">
      <c r="N11" s="40" t="s">
        <v>9</v>
      </c>
    </row>
    <row r="12" spans="2:25" ht="20.100000000000001" customHeight="1" x14ac:dyDescent="0.2">
      <c r="N12" s="40" t="s">
        <v>10</v>
      </c>
    </row>
    <row r="16" spans="2:25" ht="20.100000000000001" customHeight="1" x14ac:dyDescent="0.2">
      <c r="C16" s="41"/>
      <c r="D16" s="41"/>
      <c r="E16" s="44" t="s">
        <v>146</v>
      </c>
      <c r="F16" s="69"/>
      <c r="G16" s="69"/>
      <c r="H16" s="43" t="s">
        <v>120</v>
      </c>
      <c r="I16" s="41"/>
      <c r="J16" s="41"/>
      <c r="K16" s="41"/>
      <c r="L16" s="41"/>
      <c r="M16" s="41"/>
      <c r="N16" s="41"/>
      <c r="O16" s="41"/>
      <c r="P16" s="41"/>
      <c r="Q16" s="41"/>
      <c r="R16" s="41"/>
      <c r="S16" s="41"/>
      <c r="T16" s="41"/>
      <c r="U16" s="41"/>
      <c r="V16" s="41"/>
      <c r="W16" s="41"/>
      <c r="X16" s="41"/>
    </row>
    <row r="19" spans="3:19" ht="20.100000000000001" customHeight="1" x14ac:dyDescent="0.2">
      <c r="C19" s="40" t="s">
        <v>147</v>
      </c>
      <c r="F19" s="40" t="s">
        <v>3</v>
      </c>
      <c r="H19" s="40" t="s">
        <v>4</v>
      </c>
      <c r="J19" s="40" t="s">
        <v>148</v>
      </c>
      <c r="P19" s="40" t="s">
        <v>12</v>
      </c>
    </row>
    <row r="20" spans="3:19" ht="20.100000000000001" customHeight="1" x14ac:dyDescent="0.2">
      <c r="C20" s="40" t="s">
        <v>13</v>
      </c>
    </row>
    <row r="23" spans="3:19" ht="20.100000000000001" customHeight="1" x14ac:dyDescent="0.2">
      <c r="C23" s="40" t="s">
        <v>14</v>
      </c>
      <c r="K23" s="40" t="s">
        <v>104</v>
      </c>
      <c r="M23" s="69"/>
      <c r="N23" s="69"/>
      <c r="O23" s="69"/>
      <c r="P23" s="69"/>
      <c r="Q23" s="69"/>
      <c r="R23" s="69"/>
      <c r="S23" s="40" t="s">
        <v>105</v>
      </c>
    </row>
    <row r="26" spans="3:19" ht="20.100000000000001" customHeight="1" x14ac:dyDescent="0.2">
      <c r="C26" s="40" t="s">
        <v>15</v>
      </c>
      <c r="J26" s="69" t="s">
        <v>106</v>
      </c>
      <c r="K26" s="69"/>
      <c r="L26" s="69"/>
      <c r="M26" s="69"/>
      <c r="N26" s="69"/>
      <c r="O26" s="69"/>
      <c r="P26" s="69"/>
      <c r="Q26" s="69"/>
      <c r="R26" s="69"/>
      <c r="S26" s="69"/>
    </row>
    <row r="29" spans="3:19" ht="20.100000000000001" customHeight="1" x14ac:dyDescent="0.2">
      <c r="C29" s="40" t="s">
        <v>16</v>
      </c>
      <c r="S29" s="40" t="s">
        <v>139</v>
      </c>
    </row>
    <row r="30" spans="3:19" ht="20.100000000000001" customHeight="1" x14ac:dyDescent="0.2"/>
    <row r="32" spans="3:19" ht="20.100000000000001" customHeight="1" x14ac:dyDescent="0.2">
      <c r="C32" s="40" t="s">
        <v>17</v>
      </c>
    </row>
    <row r="33" spans="3:19" ht="9" customHeight="1" x14ac:dyDescent="0.2"/>
    <row r="34" spans="3:19" ht="20.100000000000001" customHeight="1" x14ac:dyDescent="0.2">
      <c r="D34" s="40" t="s">
        <v>69</v>
      </c>
    </row>
    <row r="35" spans="3:19" ht="20.100000000000001" customHeight="1" x14ac:dyDescent="0.2">
      <c r="F35" s="40" t="s">
        <v>102</v>
      </c>
      <c r="S35" s="40" t="s">
        <v>70</v>
      </c>
    </row>
    <row r="36" spans="3:19" ht="20.100000000000001" customHeight="1" x14ac:dyDescent="0.2">
      <c r="F36" s="40" t="s">
        <v>103</v>
      </c>
      <c r="S36" s="40" t="s">
        <v>18</v>
      </c>
    </row>
    <row r="37" spans="3:19" ht="20.100000000000001" customHeight="1" x14ac:dyDescent="0.2">
      <c r="D37" s="40" t="s">
        <v>121</v>
      </c>
      <c r="S37" s="40" t="s">
        <v>140</v>
      </c>
    </row>
    <row r="38" spans="3:19" ht="20.100000000000001" customHeight="1" x14ac:dyDescent="0.2"/>
    <row r="39" spans="3:19" ht="23.25" customHeight="1" x14ac:dyDescent="0.2">
      <c r="C39" s="40" t="s">
        <v>19</v>
      </c>
    </row>
    <row r="40" spans="3:19" ht="9.75" customHeight="1" x14ac:dyDescent="0.2"/>
    <row r="41" spans="3:19" ht="18" customHeight="1" x14ac:dyDescent="0.2">
      <c r="D41" s="40" t="s">
        <v>20</v>
      </c>
    </row>
    <row r="42" spans="3:19" ht="20.100000000000001" customHeight="1" x14ac:dyDescent="0.2">
      <c r="D42" s="40" t="s">
        <v>71</v>
      </c>
      <c r="E42" s="40" t="s">
        <v>72</v>
      </c>
      <c r="S42" s="40" t="s">
        <v>141</v>
      </c>
    </row>
    <row r="43" spans="3:19" ht="20.100000000000001" customHeight="1" x14ac:dyDescent="0.2">
      <c r="D43" s="40" t="s">
        <v>73</v>
      </c>
      <c r="S43" s="40" t="s">
        <v>142</v>
      </c>
    </row>
    <row r="44" spans="3:19" ht="20.100000000000001" customHeight="1" x14ac:dyDescent="0.2">
      <c r="D44" s="40" t="s">
        <v>74</v>
      </c>
      <c r="S44" s="40" t="s">
        <v>143</v>
      </c>
    </row>
    <row r="45" spans="3:19" ht="20.100000000000001" customHeight="1" x14ac:dyDescent="0.2"/>
    <row r="50" spans="6:6" x14ac:dyDescent="0.2">
      <c r="F50" s="42" t="s">
        <v>107</v>
      </c>
    </row>
    <row r="51" spans="6:6" x14ac:dyDescent="0.2">
      <c r="F51" s="42" t="s">
        <v>108</v>
      </c>
    </row>
    <row r="52" spans="6:6" x14ac:dyDescent="0.2">
      <c r="F52" s="42"/>
    </row>
    <row r="53" spans="6:6" x14ac:dyDescent="0.2">
      <c r="F53" s="42" t="s">
        <v>109</v>
      </c>
    </row>
  </sheetData>
  <mergeCells count="3">
    <mergeCell ref="M23:R23"/>
    <mergeCell ref="J26:S26"/>
    <mergeCell ref="F16:G16"/>
  </mergeCells>
  <phoneticPr fontId="3"/>
  <dataValidations count="1">
    <dataValidation type="list" allowBlank="1" showInputMessage="1" showErrorMessage="1" sqref="J26:S26">
      <formula1>$F$50:$F$53</formula1>
    </dataValidation>
  </dataValidations>
  <pageMargins left="0.6" right="0.2" top="1" bottom="1" header="0.51200000000000001" footer="0.51200000000000001"/>
  <pageSetup paperSize="9" scale="94" orientation="portrait" r:id="rId1"/>
  <headerFooter alignWithMargins="0">
    <oddHeader>&amp;L&amp;"ＭＳ Ｐ明朝,標準"別記様式第４号</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17"/>
  <sheetViews>
    <sheetView view="pageBreakPreview" zoomScale="75" zoomScaleNormal="100" workbookViewId="0">
      <selection activeCell="D8" sqref="D8"/>
    </sheetView>
  </sheetViews>
  <sheetFormatPr defaultColWidth="9" defaultRowHeight="13.2" x14ac:dyDescent="0.2"/>
  <cols>
    <col min="1" max="1" width="2.33203125" style="20" customWidth="1"/>
    <col min="2" max="2" width="4.21875" style="20" customWidth="1"/>
    <col min="3" max="7" width="3.6640625" style="20" customWidth="1"/>
    <col min="8" max="8" width="4.6640625" style="20" customWidth="1"/>
    <col min="9" max="54" width="3.6640625" style="20" customWidth="1"/>
    <col min="55" max="16384" width="9" style="20"/>
  </cols>
  <sheetData>
    <row r="1" spans="1:39" ht="21" customHeight="1" x14ac:dyDescent="0.2">
      <c r="A1" s="71" t="s">
        <v>58</v>
      </c>
      <c r="B1" s="71"/>
      <c r="C1" s="71"/>
      <c r="D1" s="71"/>
      <c r="E1" s="71"/>
      <c r="F1" s="71"/>
      <c r="G1" s="71"/>
      <c r="H1" s="71"/>
      <c r="I1" s="71"/>
      <c r="J1" s="71"/>
      <c r="K1" s="71"/>
      <c r="L1" s="71"/>
      <c r="M1" s="71"/>
      <c r="N1" s="71"/>
      <c r="O1" s="71"/>
      <c r="P1" s="71"/>
      <c r="Q1" s="71"/>
      <c r="R1" s="71"/>
      <c r="S1" s="71"/>
      <c r="T1" s="71"/>
      <c r="U1" s="71"/>
      <c r="V1" s="71"/>
      <c r="W1" s="71"/>
      <c r="X1" s="71"/>
      <c r="Y1" s="71"/>
      <c r="Z1" s="71"/>
      <c r="AA1" s="71"/>
      <c r="AB1" s="71"/>
      <c r="AC1" s="71"/>
      <c r="AD1" s="71"/>
      <c r="AE1" s="71"/>
      <c r="AF1" s="71"/>
      <c r="AG1" s="71"/>
      <c r="AH1" s="71"/>
      <c r="AI1" s="71"/>
      <c r="AJ1" s="71"/>
      <c r="AK1" s="71"/>
      <c r="AL1" s="71"/>
      <c r="AM1" s="71"/>
    </row>
    <row r="2" spans="1:39" ht="15" customHeight="1" x14ac:dyDescent="0.2">
      <c r="W2" s="20" t="s">
        <v>75</v>
      </c>
      <c r="AC2" s="80"/>
      <c r="AD2" s="80"/>
      <c r="AE2" s="80"/>
      <c r="AF2" s="80"/>
      <c r="AG2" s="80"/>
      <c r="AH2" s="80"/>
      <c r="AI2" s="80"/>
      <c r="AJ2" s="80"/>
      <c r="AK2" s="80"/>
      <c r="AL2" s="80"/>
      <c r="AM2" s="20" t="s">
        <v>76</v>
      </c>
    </row>
    <row r="3" spans="1:39" ht="15" customHeight="1" x14ac:dyDescent="0.2">
      <c r="A3" s="20" t="s">
        <v>77</v>
      </c>
      <c r="B3" s="80" t="s">
        <v>119</v>
      </c>
      <c r="C3" s="80"/>
      <c r="D3" s="80"/>
      <c r="E3" s="80"/>
      <c r="F3" s="80"/>
      <c r="G3" s="80"/>
      <c r="H3" s="80"/>
      <c r="I3" s="20" t="s">
        <v>78</v>
      </c>
    </row>
    <row r="4" spans="1:39" ht="9" customHeight="1" x14ac:dyDescent="0.2"/>
    <row r="5" spans="1:39" s="23" customFormat="1" ht="66.75" customHeight="1" x14ac:dyDescent="0.2">
      <c r="A5" s="78" t="s">
        <v>110</v>
      </c>
      <c r="B5" s="77"/>
      <c r="C5" s="77"/>
      <c r="D5" s="77"/>
      <c r="E5" s="77"/>
      <c r="F5" s="77"/>
      <c r="G5" s="78" t="s">
        <v>79</v>
      </c>
      <c r="H5" s="77"/>
      <c r="I5" s="77"/>
      <c r="J5" s="77"/>
      <c r="K5" s="79"/>
      <c r="L5" s="76" t="s">
        <v>80</v>
      </c>
      <c r="M5" s="77"/>
      <c r="N5" s="77"/>
      <c r="O5" s="77"/>
      <c r="P5" s="77"/>
      <c r="Q5" s="78" t="s">
        <v>111</v>
      </c>
      <c r="R5" s="77"/>
      <c r="S5" s="77"/>
      <c r="T5" s="77"/>
      <c r="U5" s="79"/>
      <c r="V5" s="76" t="s">
        <v>112</v>
      </c>
      <c r="W5" s="77"/>
      <c r="X5" s="77"/>
      <c r="Y5" s="77"/>
      <c r="Z5" s="77"/>
      <c r="AA5" s="78" t="s">
        <v>81</v>
      </c>
      <c r="AB5" s="77"/>
      <c r="AC5" s="77"/>
      <c r="AD5" s="77"/>
      <c r="AE5" s="79"/>
      <c r="AF5" s="76" t="s">
        <v>82</v>
      </c>
      <c r="AG5" s="77"/>
      <c r="AH5" s="77"/>
      <c r="AI5" s="78" t="s">
        <v>113</v>
      </c>
      <c r="AJ5" s="77"/>
      <c r="AK5" s="77"/>
      <c r="AL5" s="77"/>
      <c r="AM5" s="79"/>
    </row>
    <row r="6" spans="1:39" ht="50.25" customHeight="1" x14ac:dyDescent="0.2">
      <c r="A6" s="72"/>
      <c r="B6" s="73"/>
      <c r="C6" s="73"/>
      <c r="D6" s="73"/>
      <c r="E6" s="73"/>
      <c r="F6" s="24" t="s">
        <v>83</v>
      </c>
      <c r="G6" s="72"/>
      <c r="H6" s="73"/>
      <c r="I6" s="73"/>
      <c r="J6" s="73"/>
      <c r="K6" s="25" t="s">
        <v>83</v>
      </c>
      <c r="L6" s="74">
        <f>(IF(G6&gt;A6,A6,G6))</f>
        <v>0</v>
      </c>
      <c r="M6" s="75"/>
      <c r="N6" s="75"/>
      <c r="O6" s="75"/>
      <c r="P6" s="26" t="s">
        <v>83</v>
      </c>
      <c r="Q6" s="72"/>
      <c r="R6" s="73"/>
      <c r="S6" s="73"/>
      <c r="T6" s="73"/>
      <c r="U6" s="25" t="s">
        <v>83</v>
      </c>
      <c r="V6" s="73"/>
      <c r="W6" s="73"/>
      <c r="X6" s="73"/>
      <c r="Y6" s="73"/>
      <c r="Z6" s="26" t="s">
        <v>83</v>
      </c>
      <c r="AA6" s="72"/>
      <c r="AB6" s="73"/>
      <c r="AC6" s="73"/>
      <c r="AD6" s="73"/>
      <c r="AE6" s="25" t="s">
        <v>83</v>
      </c>
      <c r="AF6" s="73"/>
      <c r="AG6" s="73"/>
      <c r="AH6" s="26" t="s">
        <v>83</v>
      </c>
      <c r="AI6" s="72">
        <f>(IF(AA6&gt;V6,V6,AA6))-AF6</f>
        <v>0</v>
      </c>
      <c r="AJ6" s="73"/>
      <c r="AK6" s="73"/>
      <c r="AL6" s="73"/>
      <c r="AM6" s="25" t="s">
        <v>83</v>
      </c>
    </row>
    <row r="7" spans="1:39" ht="14.25" customHeight="1" x14ac:dyDescent="0.2"/>
    <row r="8" spans="1:39" s="22" customFormat="1" ht="20.100000000000001" customHeight="1" x14ac:dyDescent="0.2">
      <c r="B8" s="22" t="s">
        <v>84</v>
      </c>
      <c r="C8" s="27">
        <v>1</v>
      </c>
      <c r="D8" s="22" t="s">
        <v>144</v>
      </c>
    </row>
    <row r="9" spans="1:39" s="22" customFormat="1" ht="20.100000000000001" customHeight="1" x14ac:dyDescent="0.2">
      <c r="E9" s="22" t="s">
        <v>85</v>
      </c>
    </row>
    <row r="10" spans="1:39" s="22" customFormat="1" ht="20.100000000000001" customHeight="1" x14ac:dyDescent="0.2">
      <c r="E10" s="22" t="s">
        <v>86</v>
      </c>
    </row>
    <row r="11" spans="1:39" s="22" customFormat="1" ht="20.100000000000001" customHeight="1" x14ac:dyDescent="0.2">
      <c r="E11" s="22" t="s">
        <v>87</v>
      </c>
    </row>
    <row r="12" spans="1:39" s="22" customFormat="1" ht="20.100000000000001" customHeight="1" x14ac:dyDescent="0.2"/>
    <row r="13" spans="1:39" s="22" customFormat="1" ht="20.100000000000001" customHeight="1" x14ac:dyDescent="0.2">
      <c r="C13" s="27">
        <v>2</v>
      </c>
      <c r="D13" s="22" t="s">
        <v>59</v>
      </c>
    </row>
    <row r="14" spans="1:39" s="22" customFormat="1" ht="35.25" customHeight="1" x14ac:dyDescent="0.2">
      <c r="C14" s="27">
        <v>3</v>
      </c>
      <c r="D14" s="70" t="s">
        <v>88</v>
      </c>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row>
    <row r="15" spans="1:39" s="22" customFormat="1" ht="20.100000000000001" customHeight="1" x14ac:dyDescent="0.2">
      <c r="C15" s="27">
        <v>4</v>
      </c>
      <c r="D15" s="22" t="s">
        <v>114</v>
      </c>
    </row>
    <row r="16" spans="1:39" s="22" customFormat="1" ht="20.100000000000001" customHeight="1" x14ac:dyDescent="0.2">
      <c r="C16" s="27">
        <v>5</v>
      </c>
      <c r="D16" s="28" t="s">
        <v>115</v>
      </c>
    </row>
    <row r="17" spans="3:4" s="22" customFormat="1" ht="20.100000000000001" customHeight="1" x14ac:dyDescent="0.2">
      <c r="C17" s="27">
        <v>6</v>
      </c>
      <c r="D17" s="22" t="s">
        <v>89</v>
      </c>
    </row>
  </sheetData>
  <mergeCells count="20">
    <mergeCell ref="A5:F5"/>
    <mergeCell ref="G5:K5"/>
    <mergeCell ref="L5:P5"/>
    <mergeCell ref="Q5:U5"/>
    <mergeCell ref="D14:AK14"/>
    <mergeCell ref="A1:AM1"/>
    <mergeCell ref="Q6:T6"/>
    <mergeCell ref="V6:Y6"/>
    <mergeCell ref="AA6:AD6"/>
    <mergeCell ref="AF6:AG6"/>
    <mergeCell ref="A6:E6"/>
    <mergeCell ref="G6:J6"/>
    <mergeCell ref="L6:O6"/>
    <mergeCell ref="V5:Z5"/>
    <mergeCell ref="AA5:AE5"/>
    <mergeCell ref="AI6:AL6"/>
    <mergeCell ref="B3:H3"/>
    <mergeCell ref="AC2:AL2"/>
    <mergeCell ref="AF5:AH5"/>
    <mergeCell ref="AI5:AM5"/>
  </mergeCells>
  <phoneticPr fontId="3"/>
  <pageMargins left="0.23622047244094491" right="0.19685039370078741" top="0.98425196850393704" bottom="0.98425196850393704" header="0.51181102362204722" footer="0.51181102362204722"/>
  <pageSetup paperSize="9" orientation="landscape" r:id="rId1"/>
  <headerFooter alignWithMargins="0">
    <oddHeader>&amp;L&amp;"ＭＳ Ｐ明朝,標準"別紙１</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35"/>
  <sheetViews>
    <sheetView view="pageBreakPreview" zoomScale="75" zoomScaleNormal="100" workbookViewId="0">
      <selection activeCell="A19" sqref="A19"/>
    </sheetView>
  </sheetViews>
  <sheetFormatPr defaultColWidth="9" defaultRowHeight="13.2" x14ac:dyDescent="0.2"/>
  <cols>
    <col min="1" max="1" width="4.88671875" style="20" customWidth="1"/>
    <col min="2" max="2" width="3.6640625" style="20" customWidth="1"/>
    <col min="3" max="3" width="4" style="20" customWidth="1"/>
    <col min="4" max="4" width="3.6640625" style="20" customWidth="1"/>
    <col min="5" max="5" width="4.77734375" style="20" customWidth="1"/>
    <col min="6" max="6" width="3" style="20" customWidth="1"/>
    <col min="7" max="7" width="8.6640625" style="20" customWidth="1"/>
    <col min="8" max="10" width="3.6640625" style="20" customWidth="1"/>
    <col min="11" max="11" width="1" style="20" customWidth="1"/>
    <col min="12" max="13" width="3.6640625" style="20" customWidth="1"/>
    <col min="14" max="14" width="5.44140625" style="20" customWidth="1"/>
    <col min="15" max="16" width="3.6640625" style="20" customWidth="1"/>
    <col min="17" max="17" width="6.88671875" style="20" customWidth="1"/>
    <col min="18" max="19" width="3.6640625" style="20" customWidth="1"/>
    <col min="20" max="20" width="7.109375" style="20" customWidth="1"/>
    <col min="21" max="21" width="3.6640625" style="20" customWidth="1"/>
    <col min="22" max="22" width="5.77734375" style="20" customWidth="1"/>
    <col min="23" max="23" width="3.77734375" style="20" customWidth="1"/>
    <col min="24" max="16384" width="9" style="20"/>
  </cols>
  <sheetData>
    <row r="1" spans="1:23" x14ac:dyDescent="0.2">
      <c r="A1" s="80" t="s">
        <v>90</v>
      </c>
      <c r="B1" s="80"/>
      <c r="C1" s="80"/>
      <c r="D1" s="80"/>
      <c r="E1" s="80"/>
      <c r="F1" s="80"/>
      <c r="G1" s="80"/>
      <c r="H1" s="80"/>
      <c r="I1" s="80"/>
      <c r="J1" s="80"/>
      <c r="K1" s="80"/>
      <c r="L1" s="80"/>
      <c r="M1" s="80"/>
      <c r="N1" s="80"/>
      <c r="O1" s="80"/>
      <c r="P1" s="80"/>
      <c r="Q1" s="80"/>
      <c r="R1" s="80"/>
      <c r="S1" s="80"/>
      <c r="T1" s="80"/>
      <c r="U1" s="80"/>
      <c r="V1" s="80"/>
      <c r="W1" s="80"/>
    </row>
    <row r="3" spans="1:23" x14ac:dyDescent="0.2">
      <c r="J3" s="88" t="s">
        <v>21</v>
      </c>
      <c r="K3" s="88"/>
      <c r="L3" s="88"/>
      <c r="M3" s="88"/>
      <c r="N3" s="88"/>
      <c r="O3" s="88"/>
      <c r="P3" s="80"/>
      <c r="Q3" s="80"/>
      <c r="R3" s="80"/>
      <c r="S3" s="80"/>
      <c r="T3" s="80"/>
      <c r="U3" s="80"/>
      <c r="V3" s="80"/>
      <c r="W3" s="20" t="s">
        <v>91</v>
      </c>
    </row>
    <row r="5" spans="1:23" s="22" customFormat="1" ht="68.25" customHeight="1" x14ac:dyDescent="0.2">
      <c r="A5" s="29" t="s">
        <v>22</v>
      </c>
      <c r="B5" s="85" t="s">
        <v>23</v>
      </c>
      <c r="C5" s="85"/>
      <c r="D5" s="85" t="s">
        <v>24</v>
      </c>
      <c r="E5" s="85"/>
      <c r="F5" s="85"/>
      <c r="G5" s="85"/>
      <c r="H5" s="85" t="s">
        <v>25</v>
      </c>
      <c r="I5" s="85"/>
      <c r="J5" s="85"/>
      <c r="K5" s="85"/>
      <c r="L5" s="90" t="s">
        <v>92</v>
      </c>
      <c r="M5" s="90"/>
      <c r="N5" s="90"/>
      <c r="O5" s="90" t="s">
        <v>117</v>
      </c>
      <c r="P5" s="90"/>
      <c r="Q5" s="90"/>
      <c r="R5" s="90" t="s">
        <v>93</v>
      </c>
      <c r="S5" s="90"/>
      <c r="T5" s="90"/>
      <c r="U5" s="90" t="s">
        <v>94</v>
      </c>
      <c r="V5" s="90"/>
      <c r="W5" s="90"/>
    </row>
    <row r="6" spans="1:23" s="23" customFormat="1" ht="24.9" customHeight="1" x14ac:dyDescent="0.2">
      <c r="A6" s="30"/>
      <c r="B6" s="85"/>
      <c r="C6" s="85"/>
      <c r="D6" s="85"/>
      <c r="E6" s="85"/>
      <c r="F6" s="85"/>
      <c r="G6" s="85"/>
      <c r="H6" s="85"/>
      <c r="I6" s="85"/>
      <c r="J6" s="85"/>
      <c r="K6" s="85"/>
      <c r="L6" s="86"/>
      <c r="M6" s="86"/>
      <c r="N6" s="86"/>
      <c r="O6" s="86"/>
      <c r="P6" s="86"/>
      <c r="Q6" s="86"/>
      <c r="R6" s="87"/>
      <c r="S6" s="87"/>
      <c r="T6" s="87"/>
      <c r="U6" s="87"/>
      <c r="V6" s="87"/>
      <c r="W6" s="87"/>
    </row>
    <row r="7" spans="1:23" s="23" customFormat="1" ht="24.9" customHeight="1" x14ac:dyDescent="0.2">
      <c r="A7" s="30"/>
      <c r="B7" s="85"/>
      <c r="C7" s="85"/>
      <c r="D7" s="85"/>
      <c r="E7" s="85"/>
      <c r="F7" s="85"/>
      <c r="G7" s="85"/>
      <c r="H7" s="85"/>
      <c r="I7" s="85"/>
      <c r="J7" s="85"/>
      <c r="K7" s="85"/>
      <c r="L7" s="86"/>
      <c r="M7" s="86"/>
      <c r="N7" s="86"/>
      <c r="O7" s="86"/>
      <c r="P7" s="86"/>
      <c r="Q7" s="86"/>
      <c r="R7" s="87"/>
      <c r="S7" s="87"/>
      <c r="T7" s="87"/>
      <c r="U7" s="87"/>
      <c r="V7" s="87"/>
      <c r="W7" s="87"/>
    </row>
    <row r="8" spans="1:23" s="23" customFormat="1" ht="24.9" customHeight="1" x14ac:dyDescent="0.2">
      <c r="A8" s="30"/>
      <c r="B8" s="85"/>
      <c r="C8" s="85"/>
      <c r="D8" s="85"/>
      <c r="E8" s="85"/>
      <c r="F8" s="85"/>
      <c r="G8" s="85"/>
      <c r="H8" s="85"/>
      <c r="I8" s="85"/>
      <c r="J8" s="85"/>
      <c r="K8" s="85"/>
      <c r="L8" s="86"/>
      <c r="M8" s="86"/>
      <c r="N8" s="86"/>
      <c r="O8" s="86"/>
      <c r="P8" s="86"/>
      <c r="Q8" s="86"/>
      <c r="R8" s="87"/>
      <c r="S8" s="87"/>
      <c r="T8" s="87"/>
      <c r="U8" s="87"/>
      <c r="V8" s="87"/>
      <c r="W8" s="87"/>
    </row>
    <row r="9" spans="1:23" s="23" customFormat="1" ht="24.9" customHeight="1" x14ac:dyDescent="0.2">
      <c r="A9" s="30"/>
      <c r="B9" s="85"/>
      <c r="C9" s="85"/>
      <c r="D9" s="85"/>
      <c r="E9" s="85"/>
      <c r="F9" s="85"/>
      <c r="G9" s="85"/>
      <c r="H9" s="85"/>
      <c r="I9" s="85"/>
      <c r="J9" s="85"/>
      <c r="K9" s="85"/>
      <c r="L9" s="86"/>
      <c r="M9" s="86"/>
      <c r="N9" s="86"/>
      <c r="O9" s="86"/>
      <c r="P9" s="86"/>
      <c r="Q9" s="86"/>
      <c r="R9" s="87"/>
      <c r="S9" s="87"/>
      <c r="T9" s="87"/>
      <c r="U9" s="87"/>
      <c r="V9" s="87"/>
      <c r="W9" s="87"/>
    </row>
    <row r="10" spans="1:23" s="23" customFormat="1" ht="24.9" customHeight="1" x14ac:dyDescent="0.2">
      <c r="A10" s="30"/>
      <c r="B10" s="85"/>
      <c r="C10" s="85"/>
      <c r="D10" s="85"/>
      <c r="E10" s="85"/>
      <c r="F10" s="85"/>
      <c r="G10" s="85"/>
      <c r="H10" s="85"/>
      <c r="I10" s="85"/>
      <c r="J10" s="85"/>
      <c r="K10" s="85"/>
      <c r="L10" s="86"/>
      <c r="M10" s="86"/>
      <c r="N10" s="86"/>
      <c r="O10" s="86"/>
      <c r="P10" s="86"/>
      <c r="Q10" s="86"/>
      <c r="R10" s="87"/>
      <c r="S10" s="87"/>
      <c r="T10" s="87"/>
      <c r="U10" s="87"/>
      <c r="V10" s="87"/>
      <c r="W10" s="87"/>
    </row>
    <row r="11" spans="1:23" s="23" customFormat="1" ht="24.9" customHeight="1" x14ac:dyDescent="0.2">
      <c r="A11" s="30"/>
      <c r="B11" s="85"/>
      <c r="C11" s="85"/>
      <c r="D11" s="85"/>
      <c r="E11" s="85"/>
      <c r="F11" s="85"/>
      <c r="G11" s="85"/>
      <c r="H11" s="85"/>
      <c r="I11" s="85"/>
      <c r="J11" s="85"/>
      <c r="K11" s="85"/>
      <c r="L11" s="86"/>
      <c r="M11" s="86"/>
      <c r="N11" s="86"/>
      <c r="O11" s="86"/>
      <c r="P11" s="86"/>
      <c r="Q11" s="86"/>
      <c r="R11" s="87"/>
      <c r="S11" s="87"/>
      <c r="T11" s="87"/>
      <c r="U11" s="87"/>
      <c r="V11" s="87"/>
      <c r="W11" s="87"/>
    </row>
    <row r="12" spans="1:23" s="23" customFormat="1" ht="24.9" customHeight="1" x14ac:dyDescent="0.2">
      <c r="A12" s="30"/>
      <c r="B12" s="85"/>
      <c r="C12" s="85"/>
      <c r="D12" s="85"/>
      <c r="E12" s="85"/>
      <c r="F12" s="85"/>
      <c r="G12" s="85"/>
      <c r="H12" s="85"/>
      <c r="I12" s="85"/>
      <c r="J12" s="85"/>
      <c r="K12" s="85"/>
      <c r="L12" s="86"/>
      <c r="M12" s="86"/>
      <c r="N12" s="86"/>
      <c r="O12" s="86"/>
      <c r="P12" s="86"/>
      <c r="Q12" s="86"/>
      <c r="R12" s="87"/>
      <c r="S12" s="87"/>
      <c r="T12" s="87"/>
      <c r="U12" s="87"/>
      <c r="V12" s="87"/>
      <c r="W12" s="87"/>
    </row>
    <row r="13" spans="1:23" s="23" customFormat="1" ht="24.9" customHeight="1" x14ac:dyDescent="0.2">
      <c r="A13" s="30"/>
      <c r="B13" s="85"/>
      <c r="C13" s="85"/>
      <c r="D13" s="85"/>
      <c r="E13" s="85"/>
      <c r="F13" s="85"/>
      <c r="G13" s="85"/>
      <c r="H13" s="85"/>
      <c r="I13" s="85"/>
      <c r="J13" s="85"/>
      <c r="K13" s="85"/>
      <c r="L13" s="86"/>
      <c r="M13" s="86"/>
      <c r="N13" s="86"/>
      <c r="O13" s="86"/>
      <c r="P13" s="86"/>
      <c r="Q13" s="86"/>
      <c r="R13" s="87"/>
      <c r="S13" s="87"/>
      <c r="T13" s="87"/>
      <c r="U13" s="87"/>
      <c r="V13" s="87"/>
      <c r="W13" s="87"/>
    </row>
    <row r="14" spans="1:23" s="23" customFormat="1" ht="24.9" customHeight="1" x14ac:dyDescent="0.2">
      <c r="A14" s="30"/>
      <c r="B14" s="85"/>
      <c r="C14" s="85"/>
      <c r="D14" s="85"/>
      <c r="E14" s="85"/>
      <c r="F14" s="85"/>
      <c r="G14" s="85"/>
      <c r="H14" s="85"/>
      <c r="I14" s="85"/>
      <c r="J14" s="85"/>
      <c r="K14" s="85"/>
      <c r="L14" s="86"/>
      <c r="M14" s="86"/>
      <c r="N14" s="86"/>
      <c r="O14" s="86"/>
      <c r="P14" s="86"/>
      <c r="Q14" s="86"/>
      <c r="R14" s="87"/>
      <c r="S14" s="87"/>
      <c r="T14" s="87"/>
      <c r="U14" s="87"/>
      <c r="V14" s="87"/>
      <c r="W14" s="87"/>
    </row>
    <row r="15" spans="1:23" s="23" customFormat="1" ht="24.9" customHeight="1" x14ac:dyDescent="0.2">
      <c r="A15" s="30"/>
      <c r="B15" s="85"/>
      <c r="C15" s="85"/>
      <c r="D15" s="85"/>
      <c r="E15" s="85"/>
      <c r="F15" s="85"/>
      <c r="G15" s="85"/>
      <c r="H15" s="85"/>
      <c r="I15" s="85"/>
      <c r="J15" s="85"/>
      <c r="K15" s="85"/>
      <c r="L15" s="86"/>
      <c r="M15" s="86"/>
      <c r="N15" s="86"/>
      <c r="O15" s="86"/>
      <c r="P15" s="86"/>
      <c r="Q15" s="86"/>
      <c r="R15" s="87"/>
      <c r="S15" s="87"/>
      <c r="T15" s="87"/>
      <c r="U15" s="87"/>
      <c r="V15" s="87"/>
      <c r="W15" s="87"/>
    </row>
    <row r="16" spans="1:23" s="23" customFormat="1" ht="36" customHeight="1" x14ac:dyDescent="0.2">
      <c r="A16" s="81" t="s">
        <v>26</v>
      </c>
      <c r="B16" s="77"/>
      <c r="C16" s="77"/>
      <c r="D16" s="77"/>
      <c r="E16" s="77"/>
      <c r="F16" s="77"/>
      <c r="G16" s="77"/>
      <c r="H16" s="77"/>
      <c r="I16" s="77"/>
      <c r="J16" s="77"/>
      <c r="K16" s="79"/>
      <c r="L16" s="82"/>
      <c r="M16" s="83"/>
      <c r="N16" s="84"/>
      <c r="O16" s="89"/>
      <c r="P16" s="89"/>
      <c r="Q16" s="89"/>
      <c r="R16" s="89"/>
      <c r="S16" s="89"/>
      <c r="T16" s="89"/>
      <c r="U16" s="87"/>
      <c r="V16" s="87"/>
      <c r="W16" s="87"/>
    </row>
    <row r="17" spans="1:23" s="23" customFormat="1" ht="18.75" customHeight="1" x14ac:dyDescent="0.2">
      <c r="A17" s="31"/>
      <c r="B17" s="31"/>
      <c r="C17" s="31"/>
      <c r="D17" s="31"/>
      <c r="E17" s="31"/>
      <c r="F17" s="31"/>
      <c r="G17" s="31"/>
      <c r="H17" s="31"/>
      <c r="I17" s="31"/>
      <c r="J17" s="31"/>
      <c r="K17" s="31"/>
      <c r="L17" s="31"/>
      <c r="M17" s="31"/>
      <c r="N17" s="31"/>
      <c r="O17" s="31"/>
      <c r="P17" s="31"/>
      <c r="Q17" s="31"/>
      <c r="R17" s="31"/>
      <c r="S17" s="31"/>
      <c r="T17" s="31"/>
      <c r="U17" s="31"/>
      <c r="V17" s="31"/>
      <c r="W17" s="31"/>
    </row>
    <row r="18" spans="1:23" ht="20.100000000000001" customHeight="1" x14ac:dyDescent="0.2">
      <c r="A18" s="20" t="s">
        <v>150</v>
      </c>
      <c r="B18" s="21"/>
      <c r="C18" s="21"/>
    </row>
    <row r="19" spans="1:23" ht="20.100000000000001" customHeight="1" x14ac:dyDescent="0.2">
      <c r="A19" s="20" t="s">
        <v>116</v>
      </c>
    </row>
    <row r="20" spans="1:23" ht="20.100000000000001" customHeight="1" x14ac:dyDescent="0.2">
      <c r="B20" s="20" t="s">
        <v>95</v>
      </c>
    </row>
    <row r="35" spans="1:1" x14ac:dyDescent="0.2">
      <c r="A35" s="32"/>
    </row>
  </sheetData>
  <mergeCells count="85">
    <mergeCell ref="R5:T5"/>
    <mergeCell ref="U5:W5"/>
    <mergeCell ref="B6:C6"/>
    <mergeCell ref="D6:G6"/>
    <mergeCell ref="H6:K6"/>
    <mergeCell ref="L6:N6"/>
    <mergeCell ref="O6:Q6"/>
    <mergeCell ref="R6:T6"/>
    <mergeCell ref="U6:W6"/>
    <mergeCell ref="L5:N5"/>
    <mergeCell ref="B5:C5"/>
    <mergeCell ref="D5:G5"/>
    <mergeCell ref="H5:K5"/>
    <mergeCell ref="O5:Q5"/>
    <mergeCell ref="B12:C12"/>
    <mergeCell ref="B13:C13"/>
    <mergeCell ref="B14:C14"/>
    <mergeCell ref="B7:C7"/>
    <mergeCell ref="B8:C8"/>
    <mergeCell ref="B9:C9"/>
    <mergeCell ref="B10:C10"/>
    <mergeCell ref="O10:Q10"/>
    <mergeCell ref="L12:N12"/>
    <mergeCell ref="L14:N14"/>
    <mergeCell ref="L15:N15"/>
    <mergeCell ref="D14:G14"/>
    <mergeCell ref="D15:G15"/>
    <mergeCell ref="H10:K10"/>
    <mergeCell ref="H11:K11"/>
    <mergeCell ref="H12:K12"/>
    <mergeCell ref="L13:N13"/>
    <mergeCell ref="H13:K13"/>
    <mergeCell ref="H14:K14"/>
    <mergeCell ref="D10:G10"/>
    <mergeCell ref="D11:G11"/>
    <mergeCell ref="D12:G12"/>
    <mergeCell ref="D13:G13"/>
    <mergeCell ref="O16:Q16"/>
    <mergeCell ref="R16:T16"/>
    <mergeCell ref="U16:W16"/>
    <mergeCell ref="U9:W9"/>
    <mergeCell ref="U10:W10"/>
    <mergeCell ref="O15:Q15"/>
    <mergeCell ref="R9:T9"/>
    <mergeCell ref="R10:T10"/>
    <mergeCell ref="R11:T11"/>
    <mergeCell ref="R12:T12"/>
    <mergeCell ref="R13:T13"/>
    <mergeCell ref="R14:T14"/>
    <mergeCell ref="R15:T15"/>
    <mergeCell ref="O11:Q11"/>
    <mergeCell ref="O12:Q12"/>
    <mergeCell ref="O13:Q13"/>
    <mergeCell ref="A1:W1"/>
    <mergeCell ref="U15:W15"/>
    <mergeCell ref="U11:W11"/>
    <mergeCell ref="U12:W12"/>
    <mergeCell ref="U13:W13"/>
    <mergeCell ref="U14:W14"/>
    <mergeCell ref="U7:W7"/>
    <mergeCell ref="U8:W8"/>
    <mergeCell ref="R7:T7"/>
    <mergeCell ref="R8:T8"/>
    <mergeCell ref="J3:O3"/>
    <mergeCell ref="P3:V3"/>
    <mergeCell ref="O14:Q14"/>
    <mergeCell ref="O7:Q7"/>
    <mergeCell ref="O8:Q8"/>
    <mergeCell ref="O9:Q9"/>
    <mergeCell ref="A16:K16"/>
    <mergeCell ref="L16:N16"/>
    <mergeCell ref="H15:K15"/>
    <mergeCell ref="L7:N7"/>
    <mergeCell ref="L8:N8"/>
    <mergeCell ref="L9:N9"/>
    <mergeCell ref="L10:N10"/>
    <mergeCell ref="L11:N11"/>
    <mergeCell ref="H7:K7"/>
    <mergeCell ref="H8:K8"/>
    <mergeCell ref="H9:K9"/>
    <mergeCell ref="B15:C15"/>
    <mergeCell ref="D7:G7"/>
    <mergeCell ref="D8:G8"/>
    <mergeCell ref="D9:G9"/>
    <mergeCell ref="B11:C11"/>
  </mergeCells>
  <phoneticPr fontId="3"/>
  <pageMargins left="0.39" right="0.2" top="1" bottom="1" header="0.51200000000000001" footer="0.51200000000000001"/>
  <pageSetup paperSize="9" scale="97" orientation="portrait" r:id="rId1"/>
  <headerFooter alignWithMargins="0">
    <oddHeader>&amp;L&amp;"ＭＳ Ｐ明朝,標準"別紙２－（２）</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31"/>
  <sheetViews>
    <sheetView view="pageBreakPreview" topLeftCell="A10" zoomScale="75" zoomScaleNormal="100" workbookViewId="0">
      <selection activeCell="AC33" sqref="AC33"/>
    </sheetView>
  </sheetViews>
  <sheetFormatPr defaultColWidth="9" defaultRowHeight="13.2" x14ac:dyDescent="0.2"/>
  <cols>
    <col min="1" max="29" width="3.6640625" style="20" customWidth="1"/>
    <col min="30" max="16384" width="9" style="20"/>
  </cols>
  <sheetData>
    <row r="1" spans="1:24" ht="24" customHeight="1" x14ac:dyDescent="0.25">
      <c r="B1" s="92" t="s">
        <v>27</v>
      </c>
      <c r="C1" s="92"/>
      <c r="D1" s="92"/>
      <c r="E1" s="92"/>
      <c r="F1" s="92"/>
      <c r="G1" s="92"/>
      <c r="H1" s="92"/>
      <c r="I1" s="92"/>
      <c r="J1" s="92"/>
      <c r="K1" s="92"/>
      <c r="L1" s="92"/>
      <c r="M1" s="92"/>
      <c r="N1" s="92"/>
      <c r="O1" s="92"/>
      <c r="P1" s="92"/>
      <c r="Q1" s="92"/>
      <c r="R1" s="92"/>
      <c r="S1" s="92"/>
      <c r="T1" s="92"/>
      <c r="U1" s="92"/>
      <c r="V1" s="92"/>
      <c r="W1" s="92"/>
    </row>
    <row r="4" spans="1:24" x14ac:dyDescent="0.2">
      <c r="R4" s="20" t="s">
        <v>145</v>
      </c>
      <c r="S4" s="21"/>
      <c r="T4" s="20" t="s">
        <v>3</v>
      </c>
      <c r="U4" s="21"/>
      <c r="V4" s="20" t="s">
        <v>4</v>
      </c>
      <c r="W4" s="21"/>
      <c r="X4" s="20" t="s">
        <v>5</v>
      </c>
    </row>
    <row r="10" spans="1:24" ht="15.75" customHeight="1" x14ac:dyDescent="0.2">
      <c r="A10" s="20" t="s">
        <v>28</v>
      </c>
    </row>
    <row r="13" spans="1:24" ht="20.100000000000001" customHeight="1" x14ac:dyDescent="0.2">
      <c r="L13" s="20" t="s">
        <v>29</v>
      </c>
    </row>
    <row r="14" spans="1:24" ht="20.100000000000001" customHeight="1" x14ac:dyDescent="0.2">
      <c r="L14" s="20" t="s">
        <v>30</v>
      </c>
    </row>
    <row r="15" spans="1:24" ht="20.100000000000001" customHeight="1" x14ac:dyDescent="0.2">
      <c r="L15" s="20" t="s">
        <v>31</v>
      </c>
      <c r="W15" s="20" t="s">
        <v>7</v>
      </c>
    </row>
    <row r="20" spans="2:23" ht="16.5" customHeight="1" x14ac:dyDescent="0.2">
      <c r="B20" s="20" t="s">
        <v>122</v>
      </c>
    </row>
    <row r="23" spans="2:23" s="22" customFormat="1" ht="18.75" customHeight="1" x14ac:dyDescent="0.2">
      <c r="C23" s="34" t="s">
        <v>32</v>
      </c>
    </row>
    <row r="24" spans="2:23" ht="30" customHeight="1" x14ac:dyDescent="0.2">
      <c r="D24" s="85" t="s">
        <v>33</v>
      </c>
      <c r="E24" s="85"/>
      <c r="F24" s="85"/>
      <c r="G24" s="85"/>
      <c r="H24" s="85"/>
      <c r="I24" s="85"/>
      <c r="J24" s="93"/>
      <c r="K24" s="93"/>
      <c r="L24" s="93"/>
      <c r="M24" s="93"/>
      <c r="N24" s="93"/>
      <c r="O24" s="93"/>
      <c r="P24" s="93"/>
      <c r="Q24" s="93"/>
      <c r="R24" s="93"/>
      <c r="S24" s="93"/>
      <c r="T24" s="93"/>
      <c r="U24" s="93"/>
      <c r="V24" s="93"/>
    </row>
    <row r="25" spans="2:23" ht="30" customHeight="1" x14ac:dyDescent="0.2">
      <c r="D25" s="85" t="s">
        <v>34</v>
      </c>
      <c r="E25" s="85"/>
      <c r="F25" s="85"/>
      <c r="G25" s="85"/>
      <c r="H25" s="85"/>
      <c r="I25" s="85"/>
      <c r="J25" s="93"/>
      <c r="K25" s="93"/>
      <c r="L25" s="93"/>
      <c r="M25" s="93"/>
      <c r="N25" s="93"/>
      <c r="O25" s="93"/>
      <c r="P25" s="93"/>
      <c r="Q25" s="93"/>
      <c r="R25" s="93"/>
      <c r="S25" s="93"/>
      <c r="T25" s="93"/>
      <c r="U25" s="93"/>
      <c r="V25" s="93"/>
    </row>
    <row r="26" spans="2:23" ht="30" customHeight="1" x14ac:dyDescent="0.2">
      <c r="D26" s="85" t="s">
        <v>35</v>
      </c>
      <c r="E26" s="85"/>
      <c r="F26" s="85"/>
      <c r="G26" s="85"/>
      <c r="H26" s="85"/>
      <c r="I26" s="85"/>
      <c r="J26" s="93"/>
      <c r="K26" s="93"/>
      <c r="L26" s="93"/>
      <c r="M26" s="93"/>
      <c r="N26" s="93"/>
      <c r="O26" s="93"/>
      <c r="P26" s="93"/>
      <c r="Q26" s="93"/>
      <c r="R26" s="93"/>
      <c r="S26" s="93"/>
      <c r="T26" s="93"/>
      <c r="U26" s="93"/>
      <c r="V26" s="93"/>
    </row>
    <row r="27" spans="2:23" ht="30" customHeight="1" x14ac:dyDescent="0.2">
      <c r="D27" s="85" t="s">
        <v>36</v>
      </c>
      <c r="E27" s="85"/>
      <c r="F27" s="85"/>
      <c r="G27" s="85"/>
      <c r="H27" s="85"/>
      <c r="I27" s="85"/>
      <c r="J27" s="93"/>
      <c r="K27" s="93"/>
      <c r="L27" s="93"/>
      <c r="M27" s="93"/>
      <c r="N27" s="93"/>
      <c r="O27" s="93"/>
      <c r="P27" s="93"/>
      <c r="Q27" s="93"/>
      <c r="R27" s="93"/>
      <c r="S27" s="93"/>
      <c r="T27" s="93"/>
      <c r="U27" s="93"/>
      <c r="V27" s="93"/>
    </row>
    <row r="29" spans="2:23" ht="30.75" customHeight="1" x14ac:dyDescent="0.2">
      <c r="B29" s="57"/>
      <c r="C29" s="57"/>
      <c r="D29" s="91" t="s">
        <v>149</v>
      </c>
      <c r="E29" s="91"/>
      <c r="F29" s="91"/>
      <c r="G29" s="91"/>
      <c r="H29" s="91"/>
      <c r="I29" s="91"/>
      <c r="J29" s="91"/>
      <c r="K29" s="91"/>
      <c r="L29" s="91"/>
      <c r="M29" s="91"/>
      <c r="N29" s="91"/>
      <c r="O29" s="91"/>
      <c r="P29" s="91"/>
      <c r="Q29" s="91"/>
      <c r="R29" s="91"/>
      <c r="S29" s="91"/>
      <c r="T29" s="91"/>
      <c r="U29" s="91"/>
      <c r="V29" s="91"/>
      <c r="W29" s="57"/>
    </row>
    <row r="30" spans="2:23" x14ac:dyDescent="0.2">
      <c r="B30" s="20" t="s">
        <v>37</v>
      </c>
    </row>
    <row r="31" spans="2:23" x14ac:dyDescent="0.2">
      <c r="D31" s="20" t="s">
        <v>38</v>
      </c>
    </row>
  </sheetData>
  <mergeCells count="10">
    <mergeCell ref="D29:V29"/>
    <mergeCell ref="B1:W1"/>
    <mergeCell ref="D24:I24"/>
    <mergeCell ref="D25:I25"/>
    <mergeCell ref="D26:I26"/>
    <mergeCell ref="D27:I27"/>
    <mergeCell ref="J24:V24"/>
    <mergeCell ref="J25:V25"/>
    <mergeCell ref="J26:V26"/>
    <mergeCell ref="J27:V27"/>
  </mergeCells>
  <phoneticPr fontId="3"/>
  <pageMargins left="0.74803149606299213" right="0.74803149606299213" top="0.98425196850393704" bottom="0.98425196850393704" header="0.51181102362204722" footer="0.51181102362204722"/>
  <pageSetup paperSize="9" orientation="portrait" r:id="rId1"/>
  <headerFooter alignWithMargins="0">
    <oddHeader>&amp;L&amp;"ＭＳ Ｐ明朝,標準"別紙４</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X29"/>
  <sheetViews>
    <sheetView view="pageBreakPreview" zoomScale="75" zoomScaleNormal="100" workbookViewId="0">
      <selection activeCell="Q6" sqref="Q6"/>
    </sheetView>
  </sheetViews>
  <sheetFormatPr defaultColWidth="9" defaultRowHeight="13.2" x14ac:dyDescent="0.2"/>
  <cols>
    <col min="1" max="51" width="3.6640625" style="20" customWidth="1"/>
    <col min="52" max="16384" width="9" style="20"/>
  </cols>
  <sheetData>
    <row r="1" spans="2:24" ht="24.75" customHeight="1" x14ac:dyDescent="0.25">
      <c r="B1" s="92" t="s">
        <v>39</v>
      </c>
      <c r="C1" s="92"/>
      <c r="D1" s="92"/>
      <c r="E1" s="92"/>
      <c r="F1" s="92"/>
      <c r="G1" s="92"/>
      <c r="H1" s="92"/>
      <c r="I1" s="92"/>
      <c r="J1" s="92"/>
      <c r="K1" s="92"/>
      <c r="L1" s="92"/>
      <c r="M1" s="92"/>
      <c r="N1" s="92"/>
      <c r="O1" s="92"/>
      <c r="P1" s="92"/>
      <c r="Q1" s="92"/>
      <c r="R1" s="92"/>
      <c r="S1" s="92"/>
      <c r="T1" s="92"/>
      <c r="U1" s="92"/>
      <c r="V1" s="92"/>
    </row>
    <row r="2" spans="2:24" ht="24.75" customHeight="1" x14ac:dyDescent="0.25">
      <c r="B2" s="33"/>
      <c r="C2" s="33"/>
      <c r="D2" s="33"/>
      <c r="E2" s="33"/>
      <c r="F2" s="33"/>
      <c r="G2" s="33"/>
      <c r="H2" s="33"/>
      <c r="I2" s="33"/>
      <c r="J2" s="33"/>
      <c r="K2" s="33"/>
      <c r="L2" s="33"/>
      <c r="M2" s="33"/>
      <c r="N2" s="33"/>
      <c r="O2" s="33"/>
      <c r="P2" s="33"/>
      <c r="Q2" s="33"/>
      <c r="R2" s="33"/>
      <c r="S2" s="33"/>
      <c r="T2" s="33"/>
      <c r="U2" s="33"/>
      <c r="V2" s="33"/>
    </row>
    <row r="5" spans="2:24" x14ac:dyDescent="0.2">
      <c r="Q5" s="20" t="s">
        <v>145</v>
      </c>
      <c r="T5" s="20" t="s">
        <v>3</v>
      </c>
      <c r="V5" s="20" t="s">
        <v>4</v>
      </c>
      <c r="X5" s="20" t="s">
        <v>5</v>
      </c>
    </row>
    <row r="9" spans="2:24" x14ac:dyDescent="0.2">
      <c r="B9" s="20" t="s">
        <v>28</v>
      </c>
    </row>
    <row r="13" spans="2:24" x14ac:dyDescent="0.2">
      <c r="N13" s="20" t="s">
        <v>40</v>
      </c>
    </row>
    <row r="14" spans="2:24" x14ac:dyDescent="0.2">
      <c r="M14" s="20" t="s">
        <v>41</v>
      </c>
    </row>
    <row r="16" spans="2:24" x14ac:dyDescent="0.2">
      <c r="M16" s="20" t="s">
        <v>42</v>
      </c>
    </row>
    <row r="17" spans="3:23" x14ac:dyDescent="0.2">
      <c r="W17" s="20" t="s">
        <v>7</v>
      </c>
    </row>
    <row r="20" spans="3:23" x14ac:dyDescent="0.2">
      <c r="C20" s="20" t="s">
        <v>123</v>
      </c>
    </row>
    <row r="21" spans="3:23" x14ac:dyDescent="0.2">
      <c r="C21" s="20" t="s">
        <v>43</v>
      </c>
    </row>
    <row r="25" spans="3:23" x14ac:dyDescent="0.2">
      <c r="D25" s="20" t="s">
        <v>44</v>
      </c>
    </row>
    <row r="26" spans="3:23" x14ac:dyDescent="0.2">
      <c r="D26" s="20" t="s">
        <v>41</v>
      </c>
    </row>
    <row r="29" spans="3:23" x14ac:dyDescent="0.2">
      <c r="D29" s="20" t="s">
        <v>42</v>
      </c>
    </row>
  </sheetData>
  <mergeCells count="1">
    <mergeCell ref="B1:V1"/>
  </mergeCells>
  <phoneticPr fontId="3"/>
  <pageMargins left="0.74803149606299213" right="0.74803149606299213" top="1.1023622047244095" bottom="0.98425196850393704" header="0.51181102362204722" footer="0.51181102362204722"/>
  <pageSetup paperSize="9" orientation="portrait" r:id="rId1"/>
  <headerFooter alignWithMargins="0">
    <oddHeader>&amp;L&amp;"ＭＳ Ｐ明朝,標準"別紙５</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V50"/>
  <sheetViews>
    <sheetView tabSelected="1" view="pageBreakPreview" topLeftCell="A13" zoomScale="75" zoomScaleNormal="100" workbookViewId="0">
      <selection activeCell="U36" sqref="U36"/>
    </sheetView>
  </sheetViews>
  <sheetFormatPr defaultColWidth="9" defaultRowHeight="13.2" x14ac:dyDescent="0.2"/>
  <cols>
    <col min="1" max="29" width="3.6640625" style="20" customWidth="1"/>
    <col min="30" max="16384" width="9" style="20"/>
  </cols>
  <sheetData>
    <row r="1" spans="2:22" ht="24" customHeight="1" x14ac:dyDescent="0.25">
      <c r="B1" s="92" t="s">
        <v>45</v>
      </c>
      <c r="C1" s="92"/>
      <c r="D1" s="92"/>
      <c r="E1" s="92"/>
      <c r="F1" s="92"/>
      <c r="G1" s="92"/>
      <c r="H1" s="92"/>
      <c r="I1" s="92"/>
      <c r="J1" s="92"/>
      <c r="K1" s="92"/>
      <c r="L1" s="92"/>
      <c r="M1" s="92"/>
      <c r="N1" s="92"/>
      <c r="O1" s="92"/>
      <c r="P1" s="92"/>
      <c r="Q1" s="92"/>
      <c r="R1" s="92"/>
      <c r="S1" s="92"/>
      <c r="T1" s="92"/>
      <c r="U1" s="92"/>
      <c r="V1" s="92"/>
    </row>
    <row r="4" spans="2:22" ht="27.75" customHeight="1" x14ac:dyDescent="0.2">
      <c r="B4" s="99" t="s">
        <v>46</v>
      </c>
      <c r="C4" s="100"/>
      <c r="D4" s="81" t="s">
        <v>47</v>
      </c>
      <c r="E4" s="77"/>
      <c r="F4" s="77"/>
      <c r="G4" s="77"/>
      <c r="H4" s="77"/>
      <c r="I4" s="77"/>
      <c r="J4" s="77"/>
      <c r="K4" s="77"/>
      <c r="L4" s="79"/>
      <c r="M4" s="81" t="s">
        <v>48</v>
      </c>
      <c r="N4" s="77"/>
      <c r="O4" s="77"/>
      <c r="P4" s="77"/>
      <c r="Q4" s="77"/>
      <c r="R4" s="79"/>
      <c r="S4" s="77" t="s">
        <v>49</v>
      </c>
      <c r="T4" s="77"/>
      <c r="U4" s="77"/>
      <c r="V4" s="79"/>
    </row>
    <row r="5" spans="2:22" ht="15" customHeight="1" x14ac:dyDescent="0.2">
      <c r="B5" s="101"/>
      <c r="C5" s="102"/>
      <c r="D5" s="35" t="s">
        <v>50</v>
      </c>
      <c r="E5" s="36"/>
      <c r="F5" s="105" t="s">
        <v>96</v>
      </c>
      <c r="G5" s="105"/>
      <c r="H5" s="105"/>
      <c r="I5" s="105"/>
      <c r="J5" s="105"/>
      <c r="K5" s="36" t="s">
        <v>51</v>
      </c>
      <c r="L5" s="37"/>
      <c r="M5" s="121"/>
      <c r="N5" s="122"/>
      <c r="O5" s="122"/>
      <c r="P5" s="122"/>
      <c r="Q5" s="122"/>
      <c r="R5" s="123"/>
      <c r="S5" s="105"/>
      <c r="T5" s="105"/>
      <c r="U5" s="105"/>
      <c r="V5" s="124"/>
    </row>
    <row r="6" spans="2:22" ht="15" customHeight="1" x14ac:dyDescent="0.2">
      <c r="B6" s="101"/>
      <c r="C6" s="102"/>
      <c r="D6" s="115" t="s">
        <v>52</v>
      </c>
      <c r="E6" s="116"/>
      <c r="F6" s="116"/>
      <c r="G6" s="116"/>
      <c r="H6" s="116"/>
      <c r="I6" s="116"/>
      <c r="J6" s="116"/>
      <c r="K6" s="116"/>
      <c r="L6" s="117"/>
      <c r="M6" s="107"/>
      <c r="N6" s="108"/>
      <c r="O6" s="108"/>
      <c r="P6" s="108"/>
      <c r="Q6" s="108"/>
      <c r="R6" s="109"/>
      <c r="S6" s="94"/>
      <c r="T6" s="94"/>
      <c r="U6" s="94"/>
      <c r="V6" s="95"/>
    </row>
    <row r="7" spans="2:22" ht="15" customHeight="1" x14ac:dyDescent="0.2">
      <c r="B7" s="101"/>
      <c r="C7" s="102"/>
      <c r="D7" s="115" t="s">
        <v>53</v>
      </c>
      <c r="E7" s="116"/>
      <c r="F7" s="116"/>
      <c r="G7" s="116"/>
      <c r="H7" s="116"/>
      <c r="I7" s="116"/>
      <c r="J7" s="116"/>
      <c r="K7" s="116"/>
      <c r="L7" s="117"/>
      <c r="M7" s="107"/>
      <c r="N7" s="108"/>
      <c r="O7" s="108"/>
      <c r="P7" s="108"/>
      <c r="Q7" s="108"/>
      <c r="R7" s="109"/>
      <c r="S7" s="94"/>
      <c r="T7" s="94"/>
      <c r="U7" s="94"/>
      <c r="V7" s="95"/>
    </row>
    <row r="8" spans="2:22" ht="15" customHeight="1" x14ac:dyDescent="0.2">
      <c r="B8" s="101"/>
      <c r="C8" s="102"/>
      <c r="D8" s="113"/>
      <c r="E8" s="94"/>
      <c r="F8" s="94"/>
      <c r="G8" s="94"/>
      <c r="H8" s="94"/>
      <c r="I8" s="94"/>
      <c r="J8" s="94"/>
      <c r="K8" s="94"/>
      <c r="L8" s="95"/>
      <c r="M8" s="107"/>
      <c r="N8" s="108"/>
      <c r="O8" s="108"/>
      <c r="P8" s="108"/>
      <c r="Q8" s="108"/>
      <c r="R8" s="109"/>
      <c r="S8" s="94"/>
      <c r="T8" s="94"/>
      <c r="U8" s="94"/>
      <c r="V8" s="95"/>
    </row>
    <row r="9" spans="2:22" ht="15" customHeight="1" x14ac:dyDescent="0.2">
      <c r="B9" s="101"/>
      <c r="C9" s="102"/>
      <c r="D9" s="113"/>
      <c r="E9" s="94"/>
      <c r="F9" s="94"/>
      <c r="G9" s="94"/>
      <c r="H9" s="94"/>
      <c r="I9" s="94"/>
      <c r="J9" s="94"/>
      <c r="K9" s="94"/>
      <c r="L9" s="95"/>
      <c r="M9" s="107"/>
      <c r="N9" s="108"/>
      <c r="O9" s="108"/>
      <c r="P9" s="108"/>
      <c r="Q9" s="108"/>
      <c r="R9" s="109"/>
      <c r="S9" s="94"/>
      <c r="T9" s="94"/>
      <c r="U9" s="94"/>
      <c r="V9" s="95"/>
    </row>
    <row r="10" spans="2:22" ht="15" customHeight="1" x14ac:dyDescent="0.2">
      <c r="B10" s="101"/>
      <c r="C10" s="102"/>
      <c r="D10" s="113"/>
      <c r="E10" s="94"/>
      <c r="F10" s="94"/>
      <c r="G10" s="94"/>
      <c r="H10" s="94"/>
      <c r="I10" s="94"/>
      <c r="J10" s="94"/>
      <c r="K10" s="94"/>
      <c r="L10" s="95"/>
      <c r="M10" s="107"/>
      <c r="N10" s="108"/>
      <c r="O10" s="108"/>
      <c r="P10" s="108"/>
      <c r="Q10" s="108"/>
      <c r="R10" s="109"/>
      <c r="S10" s="94"/>
      <c r="T10" s="94"/>
      <c r="U10" s="94"/>
      <c r="V10" s="95"/>
    </row>
    <row r="11" spans="2:22" ht="15" customHeight="1" x14ac:dyDescent="0.2">
      <c r="B11" s="101"/>
      <c r="C11" s="102"/>
      <c r="D11" s="113"/>
      <c r="E11" s="94"/>
      <c r="F11" s="94"/>
      <c r="G11" s="94"/>
      <c r="H11" s="94"/>
      <c r="I11" s="94"/>
      <c r="J11" s="94"/>
      <c r="K11" s="94"/>
      <c r="L11" s="95"/>
      <c r="M11" s="107"/>
      <c r="N11" s="108"/>
      <c r="O11" s="108"/>
      <c r="P11" s="108"/>
      <c r="Q11" s="108"/>
      <c r="R11" s="109"/>
      <c r="S11" s="94"/>
      <c r="T11" s="94"/>
      <c r="U11" s="94"/>
      <c r="V11" s="95"/>
    </row>
    <row r="12" spans="2:22" ht="15" customHeight="1" x14ac:dyDescent="0.2">
      <c r="B12" s="101"/>
      <c r="C12" s="102"/>
      <c r="D12" s="72"/>
      <c r="E12" s="73"/>
      <c r="F12" s="73"/>
      <c r="G12" s="73"/>
      <c r="H12" s="73"/>
      <c r="I12" s="73"/>
      <c r="J12" s="73"/>
      <c r="K12" s="73"/>
      <c r="L12" s="114"/>
      <c r="M12" s="110"/>
      <c r="N12" s="111"/>
      <c r="O12" s="111"/>
      <c r="P12" s="111"/>
      <c r="Q12" s="111"/>
      <c r="R12" s="112"/>
      <c r="S12" s="73"/>
      <c r="T12" s="73"/>
      <c r="U12" s="73"/>
      <c r="V12" s="114"/>
    </row>
    <row r="13" spans="2:22" ht="27.75" customHeight="1" x14ac:dyDescent="0.2">
      <c r="B13" s="103"/>
      <c r="C13" s="104"/>
      <c r="D13" s="118" t="s">
        <v>26</v>
      </c>
      <c r="E13" s="119"/>
      <c r="F13" s="119"/>
      <c r="G13" s="119"/>
      <c r="H13" s="119"/>
      <c r="I13" s="119"/>
      <c r="J13" s="119"/>
      <c r="K13" s="119"/>
      <c r="L13" s="120"/>
      <c r="M13" s="97">
        <f>SUM(M5:R12)</f>
        <v>0</v>
      </c>
      <c r="N13" s="98"/>
      <c r="O13" s="98"/>
      <c r="P13" s="98"/>
      <c r="Q13" s="98"/>
      <c r="R13" s="46" t="s">
        <v>11</v>
      </c>
      <c r="S13" s="73"/>
      <c r="T13" s="73"/>
      <c r="U13" s="73"/>
      <c r="V13" s="114"/>
    </row>
    <row r="14" spans="2:22" ht="15" customHeight="1" x14ac:dyDescent="0.2"/>
    <row r="15" spans="2:22" ht="15" customHeight="1" x14ac:dyDescent="0.2"/>
    <row r="16" spans="2:22" ht="27.75" customHeight="1" x14ac:dyDescent="0.2">
      <c r="B16" s="99" t="s">
        <v>54</v>
      </c>
      <c r="C16" s="100"/>
      <c r="D16" s="81" t="s">
        <v>47</v>
      </c>
      <c r="E16" s="77"/>
      <c r="F16" s="77"/>
      <c r="G16" s="77"/>
      <c r="H16" s="77"/>
      <c r="I16" s="77"/>
      <c r="J16" s="77"/>
      <c r="K16" s="77"/>
      <c r="L16" s="79"/>
      <c r="M16" s="81" t="s">
        <v>48</v>
      </c>
      <c r="N16" s="77"/>
      <c r="O16" s="77"/>
      <c r="P16" s="77"/>
      <c r="Q16" s="77"/>
      <c r="R16" s="79"/>
      <c r="S16" s="77" t="s">
        <v>49</v>
      </c>
      <c r="T16" s="77"/>
      <c r="U16" s="77"/>
      <c r="V16" s="79"/>
    </row>
    <row r="17" spans="2:22" ht="15" customHeight="1" x14ac:dyDescent="0.2">
      <c r="B17" s="101"/>
      <c r="C17" s="102"/>
      <c r="D17" s="106" t="s">
        <v>118</v>
      </c>
      <c r="E17" s="105"/>
      <c r="F17" s="105"/>
      <c r="G17" s="105"/>
      <c r="H17" s="19" t="s">
        <v>55</v>
      </c>
      <c r="I17" s="19"/>
      <c r="J17" s="19"/>
      <c r="K17" s="19"/>
      <c r="L17" s="38"/>
      <c r="M17" s="107"/>
      <c r="N17" s="108"/>
      <c r="O17" s="108"/>
      <c r="P17" s="108"/>
      <c r="Q17" s="108"/>
      <c r="R17" s="109"/>
      <c r="S17" s="94"/>
      <c r="T17" s="94"/>
      <c r="U17" s="94"/>
      <c r="V17" s="95"/>
    </row>
    <row r="18" spans="2:22" ht="15" customHeight="1" x14ac:dyDescent="0.2">
      <c r="B18" s="101"/>
      <c r="C18" s="102"/>
      <c r="D18" s="113"/>
      <c r="E18" s="94"/>
      <c r="F18" s="94"/>
      <c r="G18" s="94"/>
      <c r="H18" s="94"/>
      <c r="I18" s="94"/>
      <c r="J18" s="94"/>
      <c r="K18" s="94"/>
      <c r="L18" s="95"/>
      <c r="M18" s="107"/>
      <c r="N18" s="108"/>
      <c r="O18" s="108"/>
      <c r="P18" s="108"/>
      <c r="Q18" s="108"/>
      <c r="R18" s="109"/>
      <c r="S18" s="94"/>
      <c r="T18" s="94"/>
      <c r="U18" s="94"/>
      <c r="V18" s="95"/>
    </row>
    <row r="19" spans="2:22" ht="15" customHeight="1" x14ac:dyDescent="0.2">
      <c r="B19" s="101"/>
      <c r="C19" s="102"/>
      <c r="D19" s="113"/>
      <c r="E19" s="94"/>
      <c r="F19" s="94"/>
      <c r="G19" s="94"/>
      <c r="H19" s="94"/>
      <c r="I19" s="94"/>
      <c r="J19" s="94"/>
      <c r="K19" s="94"/>
      <c r="L19" s="95"/>
      <c r="M19" s="107"/>
      <c r="N19" s="108"/>
      <c r="O19" s="108"/>
      <c r="P19" s="108"/>
      <c r="Q19" s="108"/>
      <c r="R19" s="109"/>
      <c r="S19" s="94"/>
      <c r="T19" s="94"/>
      <c r="U19" s="94"/>
      <c r="V19" s="95"/>
    </row>
    <row r="20" spans="2:22" ht="15" customHeight="1" x14ac:dyDescent="0.2">
      <c r="B20" s="101"/>
      <c r="C20" s="102"/>
      <c r="D20" s="113"/>
      <c r="E20" s="94"/>
      <c r="F20" s="94"/>
      <c r="G20" s="94"/>
      <c r="H20" s="94"/>
      <c r="I20" s="94"/>
      <c r="J20" s="94"/>
      <c r="K20" s="94"/>
      <c r="L20" s="95"/>
      <c r="M20" s="107"/>
      <c r="N20" s="108"/>
      <c r="O20" s="108"/>
      <c r="P20" s="108"/>
      <c r="Q20" s="108"/>
      <c r="R20" s="109"/>
      <c r="S20" s="94"/>
      <c r="T20" s="94"/>
      <c r="U20" s="94"/>
      <c r="V20" s="95"/>
    </row>
    <row r="21" spans="2:22" ht="15" customHeight="1" x14ac:dyDescent="0.2">
      <c r="B21" s="101"/>
      <c r="C21" s="102"/>
      <c r="D21" s="113"/>
      <c r="E21" s="94"/>
      <c r="F21" s="94"/>
      <c r="G21" s="94"/>
      <c r="H21" s="94"/>
      <c r="I21" s="94"/>
      <c r="J21" s="94"/>
      <c r="K21" s="94"/>
      <c r="L21" s="95"/>
      <c r="M21" s="107"/>
      <c r="N21" s="108"/>
      <c r="O21" s="108"/>
      <c r="P21" s="108"/>
      <c r="Q21" s="108"/>
      <c r="R21" s="109"/>
      <c r="S21" s="94"/>
      <c r="T21" s="94"/>
      <c r="U21" s="94"/>
      <c r="V21" s="95"/>
    </row>
    <row r="22" spans="2:22" ht="15" customHeight="1" x14ac:dyDescent="0.2">
      <c r="B22" s="101"/>
      <c r="C22" s="102"/>
      <c r="D22" s="113"/>
      <c r="E22" s="94"/>
      <c r="F22" s="94"/>
      <c r="G22" s="94"/>
      <c r="H22" s="94"/>
      <c r="I22" s="94"/>
      <c r="J22" s="94"/>
      <c r="K22" s="94"/>
      <c r="L22" s="95"/>
      <c r="M22" s="107"/>
      <c r="N22" s="108"/>
      <c r="O22" s="108"/>
      <c r="P22" s="108"/>
      <c r="Q22" s="108"/>
      <c r="R22" s="109"/>
      <c r="S22" s="94"/>
      <c r="T22" s="94"/>
      <c r="U22" s="94"/>
      <c r="V22" s="95"/>
    </row>
    <row r="23" spans="2:22" ht="15" customHeight="1" x14ac:dyDescent="0.2">
      <c r="B23" s="101"/>
      <c r="C23" s="102"/>
      <c r="D23" s="113"/>
      <c r="E23" s="94"/>
      <c r="F23" s="94"/>
      <c r="G23" s="94"/>
      <c r="H23" s="94"/>
      <c r="I23" s="94"/>
      <c r="J23" s="94"/>
      <c r="K23" s="94"/>
      <c r="L23" s="95"/>
      <c r="M23" s="107"/>
      <c r="N23" s="108"/>
      <c r="O23" s="108"/>
      <c r="P23" s="108"/>
      <c r="Q23" s="108"/>
      <c r="R23" s="109"/>
      <c r="S23" s="94"/>
      <c r="T23" s="94"/>
      <c r="U23" s="94"/>
      <c r="V23" s="95"/>
    </row>
    <row r="24" spans="2:22" ht="15" customHeight="1" x14ac:dyDescent="0.2">
      <c r="B24" s="101"/>
      <c r="C24" s="102"/>
      <c r="D24" s="113"/>
      <c r="E24" s="94"/>
      <c r="F24" s="94"/>
      <c r="G24" s="94"/>
      <c r="H24" s="94"/>
      <c r="I24" s="94"/>
      <c r="J24" s="94"/>
      <c r="K24" s="94"/>
      <c r="L24" s="95"/>
      <c r="M24" s="107"/>
      <c r="N24" s="108"/>
      <c r="O24" s="108"/>
      <c r="P24" s="108"/>
      <c r="Q24" s="108"/>
      <c r="R24" s="109"/>
      <c r="S24" s="94"/>
      <c r="T24" s="94"/>
      <c r="U24" s="94"/>
      <c r="V24" s="95"/>
    </row>
    <row r="25" spans="2:22" ht="27.75" customHeight="1" x14ac:dyDescent="0.2">
      <c r="B25" s="103"/>
      <c r="C25" s="104"/>
      <c r="D25" s="81" t="s">
        <v>26</v>
      </c>
      <c r="E25" s="77"/>
      <c r="F25" s="77"/>
      <c r="G25" s="77"/>
      <c r="H25" s="77"/>
      <c r="I25" s="77"/>
      <c r="J25" s="77"/>
      <c r="K25" s="77"/>
      <c r="L25" s="79"/>
      <c r="M25" s="97">
        <f>SUM(M17:R23)</f>
        <v>0</v>
      </c>
      <c r="N25" s="98"/>
      <c r="O25" s="98"/>
      <c r="P25" s="98"/>
      <c r="Q25" s="98"/>
      <c r="R25" s="45" t="s">
        <v>11</v>
      </c>
      <c r="S25" s="75"/>
      <c r="T25" s="75"/>
      <c r="U25" s="75"/>
      <c r="V25" s="96"/>
    </row>
    <row r="26" spans="2:22" ht="15" customHeight="1" x14ac:dyDescent="0.2"/>
    <row r="29" spans="2:22" x14ac:dyDescent="0.2">
      <c r="C29" s="20" t="s">
        <v>56</v>
      </c>
    </row>
    <row r="31" spans="2:22" x14ac:dyDescent="0.2">
      <c r="D31" s="20" t="s">
        <v>145</v>
      </c>
      <c r="G31" s="20" t="s">
        <v>3</v>
      </c>
      <c r="I31" s="20" t="s">
        <v>4</v>
      </c>
      <c r="K31" s="20" t="s">
        <v>5</v>
      </c>
    </row>
    <row r="34" spans="11:11" ht="20.100000000000001" customHeight="1" x14ac:dyDescent="0.2">
      <c r="K34" s="20" t="s">
        <v>29</v>
      </c>
    </row>
    <row r="35" spans="11:11" ht="20.100000000000001" customHeight="1" x14ac:dyDescent="0.2">
      <c r="K35" s="20" t="s">
        <v>57</v>
      </c>
    </row>
    <row r="36" spans="11:11" ht="20.100000000000001" customHeight="1" x14ac:dyDescent="0.2">
      <c r="K36" s="20" t="s">
        <v>10</v>
      </c>
    </row>
    <row r="49" spans="3:3" x14ac:dyDescent="0.2">
      <c r="C49" s="39" t="s">
        <v>97</v>
      </c>
    </row>
    <row r="50" spans="3:3" x14ac:dyDescent="0.2">
      <c r="C50" s="39" t="s">
        <v>98</v>
      </c>
    </row>
  </sheetData>
  <mergeCells count="63">
    <mergeCell ref="S4:V4"/>
    <mergeCell ref="M5:R5"/>
    <mergeCell ref="S9:V9"/>
    <mergeCell ref="S10:V10"/>
    <mergeCell ref="S5:V5"/>
    <mergeCell ref="M8:R8"/>
    <mergeCell ref="M9:R9"/>
    <mergeCell ref="S6:V6"/>
    <mergeCell ref="S7:V7"/>
    <mergeCell ref="S8:V8"/>
    <mergeCell ref="D4:L4"/>
    <mergeCell ref="M4:R4"/>
    <mergeCell ref="S12:V12"/>
    <mergeCell ref="S13:V13"/>
    <mergeCell ref="D6:L6"/>
    <mergeCell ref="D7:L7"/>
    <mergeCell ref="D8:L8"/>
    <mergeCell ref="D9:L9"/>
    <mergeCell ref="D10:L10"/>
    <mergeCell ref="D11:L11"/>
    <mergeCell ref="D12:L12"/>
    <mergeCell ref="M10:R10"/>
    <mergeCell ref="D13:L13"/>
    <mergeCell ref="S11:V11"/>
    <mergeCell ref="M6:R6"/>
    <mergeCell ref="M7:R7"/>
    <mergeCell ref="B1:V1"/>
    <mergeCell ref="M13:Q13"/>
    <mergeCell ref="M23:R23"/>
    <mergeCell ref="M24:R24"/>
    <mergeCell ref="D21:L21"/>
    <mergeCell ref="D22:L22"/>
    <mergeCell ref="D23:L23"/>
    <mergeCell ref="D24:L24"/>
    <mergeCell ref="S16:V16"/>
    <mergeCell ref="D18:L18"/>
    <mergeCell ref="D19:L19"/>
    <mergeCell ref="D20:L20"/>
    <mergeCell ref="M17:R17"/>
    <mergeCell ref="M18:R18"/>
    <mergeCell ref="M19:R19"/>
    <mergeCell ref="M20:R20"/>
    <mergeCell ref="B16:C25"/>
    <mergeCell ref="F5:J5"/>
    <mergeCell ref="D17:G17"/>
    <mergeCell ref="S21:V21"/>
    <mergeCell ref="S22:V22"/>
    <mergeCell ref="M21:R21"/>
    <mergeCell ref="M22:R22"/>
    <mergeCell ref="S17:V17"/>
    <mergeCell ref="S18:V18"/>
    <mergeCell ref="S19:V19"/>
    <mergeCell ref="S20:V20"/>
    <mergeCell ref="B4:C13"/>
    <mergeCell ref="D16:L16"/>
    <mergeCell ref="M16:R16"/>
    <mergeCell ref="M11:R11"/>
    <mergeCell ref="M12:R12"/>
    <mergeCell ref="S23:V23"/>
    <mergeCell ref="S24:V24"/>
    <mergeCell ref="S25:V25"/>
    <mergeCell ref="D25:L25"/>
    <mergeCell ref="M25:Q25"/>
  </mergeCells>
  <phoneticPr fontId="3"/>
  <dataValidations count="1">
    <dataValidation type="list" allowBlank="1" showInputMessage="1" showErrorMessage="1" sqref="D17:G17">
      <formula1>$C$49:$C$50</formula1>
    </dataValidation>
  </dataValidations>
  <pageMargins left="0.74803149606299213" right="0.74803149606299213" top="0.98425196850393704" bottom="0.98425196850393704" header="0.51181102362204722" footer="0.51181102362204722"/>
  <pageSetup paperSize="9" orientation="portrait" r:id="rId1"/>
  <headerFooter alignWithMargins="0">
    <oddHeader>&amp;L&amp;"ＭＳ Ｐ明朝,標準"別紙６</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19"/>
  <sheetViews>
    <sheetView view="pageBreakPreview" zoomScale="60" zoomScaleNormal="100" workbookViewId="0">
      <selection activeCell="O17" sqref="O17"/>
    </sheetView>
  </sheetViews>
  <sheetFormatPr defaultRowHeight="13.2" x14ac:dyDescent="0.2"/>
  <cols>
    <col min="1" max="67" width="3.6640625" customWidth="1"/>
  </cols>
  <sheetData>
    <row r="1" spans="1:39" ht="21" x14ac:dyDescent="0.25">
      <c r="A1" s="125" t="s">
        <v>124</v>
      </c>
      <c r="B1" s="125"/>
      <c r="C1" s="125"/>
      <c r="D1" s="125"/>
    </row>
    <row r="2" spans="1:39" ht="24.75" customHeight="1" x14ac:dyDescent="0.2">
      <c r="A2" s="58" t="s">
        <v>125</v>
      </c>
      <c r="B2" s="58"/>
      <c r="C2" s="58"/>
      <c r="D2" s="58"/>
      <c r="E2" s="58"/>
      <c r="F2" s="58"/>
      <c r="G2" s="58"/>
      <c r="H2" s="58"/>
      <c r="I2" s="58"/>
      <c r="J2" s="58"/>
      <c r="K2" s="58"/>
      <c r="L2" s="58"/>
      <c r="M2" s="58"/>
      <c r="N2" s="58"/>
      <c r="O2" s="58"/>
      <c r="P2" s="58"/>
      <c r="Q2" s="58"/>
      <c r="R2" s="58"/>
      <c r="S2" s="58"/>
      <c r="T2" s="58"/>
      <c r="U2" s="58"/>
      <c r="V2" s="58"/>
      <c r="W2" s="58"/>
      <c r="X2" s="58"/>
      <c r="Y2" s="58"/>
      <c r="Z2" s="58"/>
      <c r="AA2" s="58"/>
      <c r="AB2" s="58"/>
      <c r="AC2" s="58"/>
      <c r="AD2" s="58"/>
      <c r="AE2" s="58"/>
      <c r="AF2" s="58"/>
      <c r="AG2" s="58"/>
      <c r="AH2" s="58"/>
      <c r="AI2" s="58"/>
      <c r="AJ2" s="58"/>
      <c r="AK2" s="58"/>
      <c r="AL2" s="58"/>
      <c r="AM2" s="58"/>
    </row>
    <row r="3" spans="1:39" ht="20.25" customHeight="1" x14ac:dyDescent="0.2">
      <c r="W3" t="s">
        <v>126</v>
      </c>
      <c r="AC3" s="126" t="s">
        <v>127</v>
      </c>
      <c r="AD3" s="126"/>
      <c r="AE3" s="126"/>
      <c r="AF3" s="126"/>
      <c r="AG3" s="126"/>
      <c r="AH3" s="126"/>
      <c r="AI3" s="126"/>
      <c r="AJ3" s="126"/>
      <c r="AK3" s="126"/>
      <c r="AL3" s="126"/>
      <c r="AM3" t="s">
        <v>128</v>
      </c>
    </row>
    <row r="4" spans="1:39" x14ac:dyDescent="0.2">
      <c r="A4" t="s">
        <v>129</v>
      </c>
      <c r="B4" s="127" t="s">
        <v>130</v>
      </c>
      <c r="C4" s="127"/>
      <c r="D4" s="127"/>
      <c r="E4" s="127"/>
      <c r="F4" s="127"/>
      <c r="G4" s="127"/>
      <c r="H4" s="127"/>
      <c r="I4" t="s">
        <v>51</v>
      </c>
    </row>
    <row r="6" spans="1:39" s="50" customFormat="1" ht="83.25" customHeight="1" x14ac:dyDescent="0.2">
      <c r="A6" s="128" t="s">
        <v>131</v>
      </c>
      <c r="B6" s="129"/>
      <c r="C6" s="129"/>
      <c r="D6" s="129"/>
      <c r="E6" s="129"/>
      <c r="F6" s="129"/>
      <c r="G6" s="128" t="s">
        <v>132</v>
      </c>
      <c r="H6" s="129"/>
      <c r="I6" s="129"/>
      <c r="J6" s="129"/>
      <c r="K6" s="130"/>
      <c r="L6" s="129" t="s">
        <v>133</v>
      </c>
      <c r="M6" s="129"/>
      <c r="N6" s="129"/>
      <c r="O6" s="129"/>
      <c r="P6" s="129"/>
      <c r="Q6" s="128" t="s">
        <v>134</v>
      </c>
      <c r="R6" s="129"/>
      <c r="S6" s="129"/>
      <c r="T6" s="129"/>
      <c r="U6" s="130"/>
      <c r="V6" s="129" t="s">
        <v>135</v>
      </c>
      <c r="W6" s="129"/>
      <c r="X6" s="129"/>
      <c r="Y6" s="129"/>
      <c r="Z6" s="129"/>
      <c r="AA6" s="128" t="s">
        <v>136</v>
      </c>
      <c r="AB6" s="129"/>
      <c r="AC6" s="129"/>
      <c r="AD6" s="129"/>
      <c r="AE6" s="130"/>
      <c r="AF6" s="129" t="s">
        <v>137</v>
      </c>
      <c r="AG6" s="129"/>
      <c r="AH6" s="129"/>
      <c r="AI6" s="128" t="s">
        <v>138</v>
      </c>
      <c r="AJ6" s="129"/>
      <c r="AK6" s="129"/>
      <c r="AL6" s="129"/>
      <c r="AM6" s="130"/>
    </row>
    <row r="7" spans="1:39" s="53" customFormat="1" ht="51" customHeight="1" x14ac:dyDescent="0.2">
      <c r="A7" s="132">
        <v>1080000</v>
      </c>
      <c r="B7" s="133"/>
      <c r="C7" s="133"/>
      <c r="D7" s="133"/>
      <c r="E7" s="133"/>
      <c r="F7" s="51" t="s">
        <v>11</v>
      </c>
      <c r="G7" s="132">
        <v>1800000</v>
      </c>
      <c r="H7" s="133"/>
      <c r="I7" s="133"/>
      <c r="J7" s="133"/>
      <c r="K7" s="52" t="s">
        <v>11</v>
      </c>
      <c r="L7" s="133">
        <v>1080000</v>
      </c>
      <c r="M7" s="133"/>
      <c r="N7" s="133"/>
      <c r="O7" s="133"/>
      <c r="P7" s="51" t="s">
        <v>11</v>
      </c>
      <c r="Q7" s="132">
        <v>1080000</v>
      </c>
      <c r="R7" s="133"/>
      <c r="S7" s="133"/>
      <c r="T7" s="133"/>
      <c r="U7" s="52" t="s">
        <v>11</v>
      </c>
      <c r="V7" s="133">
        <v>540000</v>
      </c>
      <c r="W7" s="133"/>
      <c r="X7" s="133"/>
      <c r="Y7" s="133"/>
      <c r="Z7" s="51" t="s">
        <v>11</v>
      </c>
      <c r="AA7" s="134">
        <v>500000</v>
      </c>
      <c r="AB7" s="135"/>
      <c r="AC7" s="135"/>
      <c r="AD7" s="135"/>
      <c r="AE7" s="52" t="s">
        <v>11</v>
      </c>
      <c r="AF7" s="133">
        <v>0</v>
      </c>
      <c r="AG7" s="133"/>
      <c r="AH7" s="51" t="s">
        <v>11</v>
      </c>
      <c r="AI7" s="132">
        <f>SUM(IF(AA7&gt;V7,V7,AA7))-AF7</f>
        <v>500000</v>
      </c>
      <c r="AJ7" s="133"/>
      <c r="AK7" s="133"/>
      <c r="AL7" s="133"/>
      <c r="AM7" s="52" t="s">
        <v>11</v>
      </c>
    </row>
    <row r="9" spans="1:39" s="1" customFormat="1" ht="15" customHeight="1" x14ac:dyDescent="0.2"/>
    <row r="10" spans="1:39" s="1" customFormat="1" ht="15" customHeight="1" x14ac:dyDescent="0.2"/>
    <row r="11" spans="1:39" s="1" customFormat="1" ht="15" customHeight="1" x14ac:dyDescent="0.2"/>
    <row r="12" spans="1:39" s="1" customFormat="1" ht="15" customHeight="1" x14ac:dyDescent="0.2"/>
    <row r="13" spans="1:39" s="1" customFormat="1" ht="15" customHeight="1" x14ac:dyDescent="0.2"/>
    <row r="14" spans="1:39" s="1" customFormat="1" x14ac:dyDescent="0.2"/>
    <row r="15" spans="1:39" s="1" customFormat="1" x14ac:dyDescent="0.2"/>
    <row r="16" spans="1:39" s="1" customFormat="1" ht="32.25" customHeight="1" x14ac:dyDescent="0.2">
      <c r="D16" s="131"/>
      <c r="E16" s="131"/>
      <c r="F16" s="131"/>
      <c r="G16" s="131"/>
      <c r="H16" s="131"/>
      <c r="I16" s="131"/>
      <c r="J16" s="131"/>
      <c r="K16" s="131"/>
      <c r="L16" s="131"/>
      <c r="M16" s="131"/>
      <c r="N16" s="131"/>
      <c r="O16" s="131"/>
      <c r="P16" s="131"/>
      <c r="Q16" s="131"/>
      <c r="R16" s="131"/>
      <c r="S16" s="131"/>
      <c r="T16" s="131"/>
      <c r="U16" s="131"/>
      <c r="V16" s="131"/>
      <c r="W16" s="131"/>
      <c r="X16" s="131"/>
      <c r="Y16" s="131"/>
      <c r="Z16" s="131"/>
      <c r="AA16" s="131"/>
      <c r="AB16" s="131"/>
      <c r="AC16" s="131"/>
      <c r="AD16" s="131"/>
      <c r="AE16" s="131"/>
      <c r="AF16" s="131"/>
      <c r="AG16" s="131"/>
      <c r="AH16" s="131"/>
      <c r="AI16" s="131"/>
      <c r="AJ16" s="131"/>
      <c r="AK16" s="131"/>
      <c r="AL16" s="131"/>
      <c r="AM16" s="131"/>
    </row>
    <row r="17" s="1" customFormat="1" x14ac:dyDescent="0.2"/>
    <row r="18" s="1" customFormat="1" x14ac:dyDescent="0.2"/>
    <row r="19" s="1" customFormat="1" x14ac:dyDescent="0.2"/>
  </sheetData>
  <mergeCells count="21">
    <mergeCell ref="D16:AM16"/>
    <mergeCell ref="AF6:AH6"/>
    <mergeCell ref="AI6:AM6"/>
    <mergeCell ref="A7:E7"/>
    <mergeCell ref="G7:J7"/>
    <mergeCell ref="L7:O7"/>
    <mergeCell ref="Q7:T7"/>
    <mergeCell ref="V7:Y7"/>
    <mergeCell ref="AA7:AD7"/>
    <mergeCell ref="AF7:AG7"/>
    <mergeCell ref="AI7:AL7"/>
    <mergeCell ref="A1:D1"/>
    <mergeCell ref="A2:AM2"/>
    <mergeCell ref="AC3:AL3"/>
    <mergeCell ref="B4:H4"/>
    <mergeCell ref="A6:F6"/>
    <mergeCell ref="G6:K6"/>
    <mergeCell ref="L6:P6"/>
    <mergeCell ref="Q6:U6"/>
    <mergeCell ref="V6:Z6"/>
    <mergeCell ref="AA6:AE6"/>
  </mergeCells>
  <phoneticPr fontId="3"/>
  <pageMargins left="0.19685039370078741" right="0.19685039370078741" top="1.0236220472440944" bottom="0.98425196850393704" header="0.51181102362204722" footer="0.51181102362204722"/>
  <pageSetup paperSize="9" orientation="landscape" r:id="rId1"/>
  <headerFooter alignWithMargins="0">
    <oddHeader>&amp;L別紙１</oddHead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37"/>
  <sheetViews>
    <sheetView view="pageBreakPreview" zoomScale="60" zoomScaleNormal="100" workbookViewId="0">
      <selection activeCell="M17" sqref="M17:R17"/>
    </sheetView>
  </sheetViews>
  <sheetFormatPr defaultColWidth="9" defaultRowHeight="13.2" x14ac:dyDescent="0.2"/>
  <cols>
    <col min="1" max="9" width="3.6640625" style="20" customWidth="1"/>
    <col min="10" max="10" width="5.109375" style="20" customWidth="1"/>
    <col min="11" max="21" width="3.6640625" style="20" customWidth="1"/>
    <col min="22" max="22" width="2.88671875" style="20" customWidth="1"/>
    <col min="23" max="23" width="1.6640625" style="20" customWidth="1"/>
    <col min="24" max="28" width="3.6640625" style="20" customWidth="1"/>
    <col min="29" max="16384" width="9" style="20"/>
  </cols>
  <sheetData>
    <row r="1" spans="1:23" ht="24" customHeight="1" x14ac:dyDescent="0.25">
      <c r="A1" s="54" t="s">
        <v>124</v>
      </c>
    </row>
    <row r="2" spans="1:23" ht="23.25" customHeight="1" x14ac:dyDescent="0.2">
      <c r="B2" s="136" t="s">
        <v>45</v>
      </c>
      <c r="C2" s="136"/>
      <c r="D2" s="136"/>
      <c r="E2" s="136"/>
      <c r="F2" s="136"/>
      <c r="G2" s="136"/>
      <c r="H2" s="136"/>
      <c r="I2" s="136"/>
      <c r="J2" s="136"/>
      <c r="K2" s="136"/>
      <c r="L2" s="136"/>
      <c r="M2" s="136"/>
      <c r="N2" s="136"/>
      <c r="O2" s="136"/>
      <c r="P2" s="136"/>
      <c r="Q2" s="136"/>
      <c r="R2" s="136"/>
      <c r="S2" s="136"/>
      <c r="T2" s="136"/>
      <c r="U2" s="136"/>
      <c r="V2" s="136"/>
      <c r="W2" s="136"/>
    </row>
    <row r="5" spans="1:23" ht="20.100000000000001" customHeight="1" x14ac:dyDescent="0.2">
      <c r="B5" s="99" t="s">
        <v>46</v>
      </c>
      <c r="C5" s="100"/>
      <c r="D5" s="81" t="s">
        <v>47</v>
      </c>
      <c r="E5" s="77"/>
      <c r="F5" s="77"/>
      <c r="G5" s="77"/>
      <c r="H5" s="77"/>
      <c r="I5" s="77"/>
      <c r="J5" s="77"/>
      <c r="K5" s="77"/>
      <c r="L5" s="79"/>
      <c r="M5" s="77" t="s">
        <v>48</v>
      </c>
      <c r="N5" s="77"/>
      <c r="O5" s="77"/>
      <c r="P5" s="77"/>
      <c r="Q5" s="77"/>
      <c r="R5" s="77"/>
      <c r="S5" s="81" t="s">
        <v>49</v>
      </c>
      <c r="T5" s="77"/>
      <c r="U5" s="77"/>
      <c r="V5" s="77"/>
      <c r="W5" s="79"/>
    </row>
    <row r="6" spans="1:23" ht="20.100000000000001" customHeight="1" x14ac:dyDescent="0.2">
      <c r="B6" s="101"/>
      <c r="C6" s="102"/>
      <c r="D6" s="113" t="s">
        <v>50</v>
      </c>
      <c r="E6" s="94"/>
      <c r="F6" s="137" t="s">
        <v>96</v>
      </c>
      <c r="G6" s="137"/>
      <c r="H6" s="137"/>
      <c r="I6" s="137"/>
      <c r="J6" s="137"/>
      <c r="K6" s="19" t="s">
        <v>51</v>
      </c>
      <c r="L6" s="38"/>
      <c r="M6" s="138">
        <v>500000</v>
      </c>
      <c r="N6" s="139"/>
      <c r="O6" s="139"/>
      <c r="P6" s="139"/>
      <c r="Q6" s="139"/>
      <c r="R6" s="139"/>
      <c r="S6" s="113"/>
      <c r="T6" s="94"/>
      <c r="U6" s="94"/>
      <c r="V6" s="94"/>
      <c r="W6" s="95"/>
    </row>
    <row r="7" spans="1:23" ht="20.100000000000001" customHeight="1" x14ac:dyDescent="0.2">
      <c r="B7" s="101"/>
      <c r="C7" s="102"/>
      <c r="D7" s="115" t="s">
        <v>52</v>
      </c>
      <c r="E7" s="116"/>
      <c r="F7" s="116"/>
      <c r="G7" s="116"/>
      <c r="H7" s="116"/>
      <c r="I7" s="116"/>
      <c r="J7" s="116"/>
      <c r="K7" s="116"/>
      <c r="L7" s="117"/>
      <c r="M7" s="139">
        <v>0</v>
      </c>
      <c r="N7" s="139"/>
      <c r="O7" s="139"/>
      <c r="P7" s="139"/>
      <c r="Q7" s="139"/>
      <c r="R7" s="139"/>
      <c r="S7" s="113"/>
      <c r="T7" s="94"/>
      <c r="U7" s="94"/>
      <c r="V7" s="94"/>
      <c r="W7" s="95"/>
    </row>
    <row r="8" spans="1:23" ht="20.100000000000001" customHeight="1" x14ac:dyDescent="0.2">
      <c r="B8" s="101"/>
      <c r="C8" s="102"/>
      <c r="D8" s="115" t="s">
        <v>53</v>
      </c>
      <c r="E8" s="116"/>
      <c r="F8" s="116"/>
      <c r="G8" s="116"/>
      <c r="H8" s="116"/>
      <c r="I8" s="116"/>
      <c r="J8" s="116"/>
      <c r="K8" s="116"/>
      <c r="L8" s="117"/>
      <c r="M8" s="138">
        <v>540000</v>
      </c>
      <c r="N8" s="139"/>
      <c r="O8" s="139"/>
      <c r="P8" s="139"/>
      <c r="Q8" s="139"/>
      <c r="R8" s="139"/>
      <c r="S8" s="113"/>
      <c r="T8" s="94"/>
      <c r="U8" s="94"/>
      <c r="V8" s="94"/>
      <c r="W8" s="95"/>
    </row>
    <row r="9" spans="1:23" ht="20.100000000000001" customHeight="1" x14ac:dyDescent="0.2">
      <c r="B9" s="101"/>
      <c r="C9" s="102"/>
      <c r="D9" s="113"/>
      <c r="E9" s="94"/>
      <c r="F9" s="94"/>
      <c r="G9" s="94"/>
      <c r="H9" s="94"/>
      <c r="I9" s="94"/>
      <c r="J9" s="94"/>
      <c r="K9" s="94"/>
      <c r="L9" s="95"/>
      <c r="M9" s="139"/>
      <c r="N9" s="139"/>
      <c r="O9" s="139"/>
      <c r="P9" s="139"/>
      <c r="Q9" s="139"/>
      <c r="R9" s="139"/>
      <c r="S9" s="113"/>
      <c r="T9" s="94"/>
      <c r="U9" s="94"/>
      <c r="V9" s="94"/>
      <c r="W9" s="95"/>
    </row>
    <row r="10" spans="1:23" ht="20.100000000000001" customHeight="1" x14ac:dyDescent="0.2">
      <c r="B10" s="101"/>
      <c r="C10" s="102"/>
      <c r="D10" s="113"/>
      <c r="E10" s="94"/>
      <c r="F10" s="94"/>
      <c r="G10" s="94"/>
      <c r="H10" s="94"/>
      <c r="I10" s="94"/>
      <c r="J10" s="94"/>
      <c r="K10" s="94"/>
      <c r="L10" s="95"/>
      <c r="M10" s="139"/>
      <c r="N10" s="139"/>
      <c r="O10" s="139"/>
      <c r="P10" s="139"/>
      <c r="Q10" s="139"/>
      <c r="R10" s="139"/>
      <c r="S10" s="113"/>
      <c r="T10" s="94"/>
      <c r="U10" s="94"/>
      <c r="V10" s="94"/>
      <c r="W10" s="95"/>
    </row>
    <row r="11" spans="1:23" ht="20.100000000000001" customHeight="1" x14ac:dyDescent="0.2">
      <c r="B11" s="101"/>
      <c r="C11" s="102"/>
      <c r="D11" s="113"/>
      <c r="E11" s="94"/>
      <c r="F11" s="94"/>
      <c r="G11" s="94"/>
      <c r="H11" s="94"/>
      <c r="I11" s="94"/>
      <c r="J11" s="94"/>
      <c r="K11" s="94"/>
      <c r="L11" s="95"/>
      <c r="M11" s="139"/>
      <c r="N11" s="139"/>
      <c r="O11" s="139"/>
      <c r="P11" s="139"/>
      <c r="Q11" s="139"/>
      <c r="R11" s="139"/>
      <c r="S11" s="113"/>
      <c r="T11" s="94"/>
      <c r="U11" s="94"/>
      <c r="V11" s="94"/>
      <c r="W11" s="95"/>
    </row>
    <row r="12" spans="1:23" ht="20.100000000000001" customHeight="1" x14ac:dyDescent="0.2">
      <c r="B12" s="101"/>
      <c r="C12" s="102"/>
      <c r="D12" s="113"/>
      <c r="E12" s="94"/>
      <c r="F12" s="94"/>
      <c r="G12" s="94"/>
      <c r="H12" s="94"/>
      <c r="I12" s="94"/>
      <c r="J12" s="94"/>
      <c r="K12" s="94"/>
      <c r="L12" s="95"/>
      <c r="M12" s="139"/>
      <c r="N12" s="139"/>
      <c r="O12" s="139"/>
      <c r="P12" s="139"/>
      <c r="Q12" s="139"/>
      <c r="R12" s="139"/>
      <c r="S12" s="113"/>
      <c r="T12" s="94"/>
      <c r="U12" s="94"/>
      <c r="V12" s="94"/>
      <c r="W12" s="95"/>
    </row>
    <row r="13" spans="1:23" ht="20.100000000000001" customHeight="1" x14ac:dyDescent="0.2">
      <c r="B13" s="101"/>
      <c r="C13" s="102"/>
      <c r="D13" s="72"/>
      <c r="E13" s="73"/>
      <c r="F13" s="73"/>
      <c r="G13" s="73"/>
      <c r="H13" s="73"/>
      <c r="I13" s="73"/>
      <c r="J13" s="73"/>
      <c r="K13" s="73"/>
      <c r="L13" s="114"/>
      <c r="M13" s="140"/>
      <c r="N13" s="140"/>
      <c r="O13" s="140"/>
      <c r="P13" s="140"/>
      <c r="Q13" s="140"/>
      <c r="R13" s="140"/>
      <c r="S13" s="72"/>
      <c r="T13" s="73"/>
      <c r="U13" s="73"/>
      <c r="V13" s="73"/>
      <c r="W13" s="114"/>
    </row>
    <row r="14" spans="1:23" ht="20.100000000000001" customHeight="1" x14ac:dyDescent="0.2">
      <c r="B14" s="103"/>
      <c r="C14" s="104"/>
      <c r="D14" s="118" t="s">
        <v>26</v>
      </c>
      <c r="E14" s="119"/>
      <c r="F14" s="119"/>
      <c r="G14" s="119"/>
      <c r="H14" s="119"/>
      <c r="I14" s="119"/>
      <c r="J14" s="119"/>
      <c r="K14" s="119"/>
      <c r="L14" s="120"/>
      <c r="M14" s="141">
        <v>1080000</v>
      </c>
      <c r="N14" s="142"/>
      <c r="O14" s="142"/>
      <c r="P14" s="142"/>
      <c r="Q14" s="142"/>
      <c r="R14" s="49" t="s">
        <v>83</v>
      </c>
      <c r="S14" s="72"/>
      <c r="T14" s="73"/>
      <c r="U14" s="73"/>
      <c r="V14" s="73"/>
      <c r="W14" s="114"/>
    </row>
    <row r="17" spans="2:23" ht="20.100000000000001" customHeight="1" x14ac:dyDescent="0.2">
      <c r="B17" s="99" t="s">
        <v>54</v>
      </c>
      <c r="C17" s="100"/>
      <c r="D17" s="81" t="s">
        <v>47</v>
      </c>
      <c r="E17" s="77"/>
      <c r="F17" s="77"/>
      <c r="G17" s="77"/>
      <c r="H17" s="77"/>
      <c r="I17" s="77"/>
      <c r="J17" s="77"/>
      <c r="K17" s="77"/>
      <c r="L17" s="79"/>
      <c r="M17" s="77" t="s">
        <v>48</v>
      </c>
      <c r="N17" s="77"/>
      <c r="O17" s="77"/>
      <c r="P17" s="77"/>
      <c r="Q17" s="77"/>
      <c r="R17" s="77"/>
      <c r="S17" s="81" t="s">
        <v>49</v>
      </c>
      <c r="T17" s="77"/>
      <c r="U17" s="77"/>
      <c r="V17" s="77"/>
      <c r="W17" s="79"/>
    </row>
    <row r="18" spans="2:23" ht="20.100000000000001" customHeight="1" x14ac:dyDescent="0.2">
      <c r="B18" s="101"/>
      <c r="C18" s="102"/>
      <c r="D18" s="106" t="s">
        <v>98</v>
      </c>
      <c r="E18" s="105"/>
      <c r="F18" s="105"/>
      <c r="G18" s="105"/>
      <c r="H18" s="48" t="s">
        <v>55</v>
      </c>
      <c r="I18" s="48"/>
      <c r="J18" s="48"/>
      <c r="K18" s="55"/>
      <c r="L18" s="56"/>
      <c r="M18" s="138">
        <v>1080000</v>
      </c>
      <c r="N18" s="139"/>
      <c r="O18" s="139"/>
      <c r="P18" s="139"/>
      <c r="Q18" s="139"/>
      <c r="R18" s="139"/>
      <c r="S18" s="113"/>
      <c r="T18" s="94"/>
      <c r="U18" s="94"/>
      <c r="V18" s="94"/>
      <c r="W18" s="95"/>
    </row>
    <row r="19" spans="2:23" ht="20.100000000000001" customHeight="1" x14ac:dyDescent="0.2">
      <c r="B19" s="101"/>
      <c r="C19" s="102"/>
      <c r="D19" s="115"/>
      <c r="E19" s="116"/>
      <c r="F19" s="116"/>
      <c r="G19" s="116"/>
      <c r="H19" s="116"/>
      <c r="I19" s="116"/>
      <c r="J19" s="116"/>
      <c r="K19" s="116"/>
      <c r="L19" s="117"/>
      <c r="M19" s="139"/>
      <c r="N19" s="139"/>
      <c r="O19" s="139"/>
      <c r="P19" s="139"/>
      <c r="Q19" s="139"/>
      <c r="R19" s="139"/>
      <c r="S19" s="113"/>
      <c r="T19" s="94"/>
      <c r="U19" s="94"/>
      <c r="V19" s="94"/>
      <c r="W19" s="95"/>
    </row>
    <row r="20" spans="2:23" ht="20.100000000000001" customHeight="1" x14ac:dyDescent="0.2">
      <c r="B20" s="101"/>
      <c r="C20" s="102"/>
      <c r="D20" s="115"/>
      <c r="E20" s="116"/>
      <c r="F20" s="116"/>
      <c r="G20" s="116"/>
      <c r="H20" s="116"/>
      <c r="I20" s="116"/>
      <c r="J20" s="116"/>
      <c r="K20" s="116"/>
      <c r="L20" s="117"/>
      <c r="M20" s="139"/>
      <c r="N20" s="139"/>
      <c r="O20" s="139"/>
      <c r="P20" s="139"/>
      <c r="Q20" s="139"/>
      <c r="R20" s="139"/>
      <c r="S20" s="113"/>
      <c r="T20" s="94"/>
      <c r="U20" s="94"/>
      <c r="V20" s="94"/>
      <c r="W20" s="95"/>
    </row>
    <row r="21" spans="2:23" ht="20.100000000000001" customHeight="1" x14ac:dyDescent="0.2">
      <c r="B21" s="101"/>
      <c r="C21" s="102"/>
      <c r="D21" s="113"/>
      <c r="E21" s="94"/>
      <c r="F21" s="94"/>
      <c r="G21" s="94"/>
      <c r="H21" s="94"/>
      <c r="I21" s="94"/>
      <c r="J21" s="94"/>
      <c r="K21" s="94"/>
      <c r="L21" s="95"/>
      <c r="M21" s="139"/>
      <c r="N21" s="139"/>
      <c r="O21" s="139"/>
      <c r="P21" s="139"/>
      <c r="Q21" s="139"/>
      <c r="R21" s="139"/>
      <c r="S21" s="113"/>
      <c r="T21" s="94"/>
      <c r="U21" s="94"/>
      <c r="V21" s="94"/>
      <c r="W21" s="95"/>
    </row>
    <row r="22" spans="2:23" ht="20.100000000000001" customHeight="1" x14ac:dyDescent="0.2">
      <c r="B22" s="101"/>
      <c r="C22" s="102"/>
      <c r="D22" s="113"/>
      <c r="E22" s="94"/>
      <c r="F22" s="94"/>
      <c r="G22" s="94"/>
      <c r="H22" s="94"/>
      <c r="I22" s="94"/>
      <c r="J22" s="94"/>
      <c r="K22" s="94"/>
      <c r="L22" s="95"/>
      <c r="M22" s="139"/>
      <c r="N22" s="139"/>
      <c r="O22" s="139"/>
      <c r="P22" s="139"/>
      <c r="Q22" s="139"/>
      <c r="R22" s="139"/>
      <c r="S22" s="113"/>
      <c r="T22" s="94"/>
      <c r="U22" s="94"/>
      <c r="V22" s="94"/>
      <c r="W22" s="95"/>
    </row>
    <row r="23" spans="2:23" ht="20.100000000000001" customHeight="1" x14ac:dyDescent="0.2">
      <c r="B23" s="101"/>
      <c r="C23" s="102"/>
      <c r="D23" s="113"/>
      <c r="E23" s="94"/>
      <c r="F23" s="94"/>
      <c r="G23" s="94"/>
      <c r="H23" s="94"/>
      <c r="I23" s="94"/>
      <c r="J23" s="94"/>
      <c r="K23" s="94"/>
      <c r="L23" s="95"/>
      <c r="M23" s="139"/>
      <c r="N23" s="139"/>
      <c r="O23" s="139"/>
      <c r="P23" s="139"/>
      <c r="Q23" s="139"/>
      <c r="R23" s="139"/>
      <c r="S23" s="113"/>
      <c r="T23" s="94"/>
      <c r="U23" s="94"/>
      <c r="V23" s="94"/>
      <c r="W23" s="95"/>
    </row>
    <row r="24" spans="2:23" ht="20.100000000000001" customHeight="1" x14ac:dyDescent="0.2">
      <c r="B24" s="101"/>
      <c r="C24" s="102"/>
      <c r="D24" s="113"/>
      <c r="E24" s="94"/>
      <c r="F24" s="94"/>
      <c r="G24" s="94"/>
      <c r="H24" s="94"/>
      <c r="I24" s="94"/>
      <c r="J24" s="94"/>
      <c r="K24" s="94"/>
      <c r="L24" s="95"/>
      <c r="M24" s="139"/>
      <c r="N24" s="139"/>
      <c r="O24" s="139"/>
      <c r="P24" s="139"/>
      <c r="Q24" s="139"/>
      <c r="R24" s="139"/>
      <c r="S24" s="113"/>
      <c r="T24" s="94"/>
      <c r="U24" s="94"/>
      <c r="V24" s="94"/>
      <c r="W24" s="95"/>
    </row>
    <row r="25" spans="2:23" ht="20.100000000000001" customHeight="1" x14ac:dyDescent="0.2">
      <c r="B25" s="101"/>
      <c r="C25" s="102"/>
      <c r="D25" s="72"/>
      <c r="E25" s="73"/>
      <c r="F25" s="73"/>
      <c r="G25" s="73"/>
      <c r="H25" s="73"/>
      <c r="I25" s="73"/>
      <c r="J25" s="73"/>
      <c r="K25" s="73"/>
      <c r="L25" s="114"/>
      <c r="M25" s="140"/>
      <c r="N25" s="140"/>
      <c r="O25" s="140"/>
      <c r="P25" s="140"/>
      <c r="Q25" s="140"/>
      <c r="R25" s="140"/>
      <c r="S25" s="72"/>
      <c r="T25" s="73"/>
      <c r="U25" s="73"/>
      <c r="V25" s="73"/>
      <c r="W25" s="114"/>
    </row>
    <row r="26" spans="2:23" ht="20.100000000000001" customHeight="1" x14ac:dyDescent="0.2">
      <c r="B26" s="103"/>
      <c r="C26" s="104"/>
      <c r="D26" s="118" t="s">
        <v>26</v>
      </c>
      <c r="E26" s="119"/>
      <c r="F26" s="119"/>
      <c r="G26" s="119"/>
      <c r="H26" s="119"/>
      <c r="I26" s="119"/>
      <c r="J26" s="119"/>
      <c r="K26" s="119"/>
      <c r="L26" s="120"/>
      <c r="M26" s="141">
        <v>1080000</v>
      </c>
      <c r="N26" s="142"/>
      <c r="O26" s="142"/>
      <c r="P26" s="142"/>
      <c r="Q26" s="142"/>
      <c r="R26" s="47" t="s">
        <v>83</v>
      </c>
      <c r="S26" s="72"/>
      <c r="T26" s="73"/>
      <c r="U26" s="73"/>
      <c r="V26" s="73"/>
      <c r="W26" s="114"/>
    </row>
    <row r="30" spans="2:23" x14ac:dyDescent="0.2">
      <c r="C30" s="20" t="s">
        <v>56</v>
      </c>
    </row>
    <row r="32" spans="2:23" x14ac:dyDescent="0.2">
      <c r="D32" s="20" t="s">
        <v>2</v>
      </c>
      <c r="G32" s="20" t="s">
        <v>3</v>
      </c>
      <c r="I32" s="20" t="s">
        <v>4</v>
      </c>
      <c r="K32" s="20" t="s">
        <v>5</v>
      </c>
    </row>
    <row r="35" spans="11:21" ht="24.9" customHeight="1" x14ac:dyDescent="0.2">
      <c r="K35" s="20" t="s">
        <v>29</v>
      </c>
    </row>
    <row r="36" spans="11:21" ht="24.9" customHeight="1" x14ac:dyDescent="0.2">
      <c r="K36" s="20" t="s">
        <v>57</v>
      </c>
    </row>
    <row r="37" spans="11:21" ht="24.9" customHeight="1" x14ac:dyDescent="0.2">
      <c r="K37" s="20" t="s">
        <v>10</v>
      </c>
      <c r="U37" s="20" t="s">
        <v>7</v>
      </c>
    </row>
  </sheetData>
  <mergeCells count="64">
    <mergeCell ref="D26:L26"/>
    <mergeCell ref="M26:Q26"/>
    <mergeCell ref="S26:W26"/>
    <mergeCell ref="D24:L24"/>
    <mergeCell ref="M24:R24"/>
    <mergeCell ref="S24:W24"/>
    <mergeCell ref="D25:L25"/>
    <mergeCell ref="M25:R25"/>
    <mergeCell ref="S25:W25"/>
    <mergeCell ref="D22:L22"/>
    <mergeCell ref="M22:R22"/>
    <mergeCell ref="S22:W22"/>
    <mergeCell ref="D23:L23"/>
    <mergeCell ref="M23:R23"/>
    <mergeCell ref="S23:W23"/>
    <mergeCell ref="B17:C26"/>
    <mergeCell ref="D17:L17"/>
    <mergeCell ref="M17:R17"/>
    <mergeCell ref="S17:W17"/>
    <mergeCell ref="D18:G18"/>
    <mergeCell ref="M18:R18"/>
    <mergeCell ref="S18:W18"/>
    <mergeCell ref="D19:L19"/>
    <mergeCell ref="M19:R19"/>
    <mergeCell ref="S19:W19"/>
    <mergeCell ref="D20:L20"/>
    <mergeCell ref="M20:R20"/>
    <mergeCell ref="S20:W20"/>
    <mergeCell ref="D21:L21"/>
    <mergeCell ref="M21:R21"/>
    <mergeCell ref="S21:W21"/>
    <mergeCell ref="D13:L13"/>
    <mergeCell ref="M13:R13"/>
    <mergeCell ref="S13:W13"/>
    <mergeCell ref="D14:L14"/>
    <mergeCell ref="M14:Q14"/>
    <mergeCell ref="S14:W14"/>
    <mergeCell ref="D11:L11"/>
    <mergeCell ref="M11:R11"/>
    <mergeCell ref="S11:W11"/>
    <mergeCell ref="D12:L12"/>
    <mergeCell ref="M12:R12"/>
    <mergeCell ref="S12:W12"/>
    <mergeCell ref="M10:R10"/>
    <mergeCell ref="S10:W10"/>
    <mergeCell ref="D9:L9"/>
    <mergeCell ref="M9:R9"/>
    <mergeCell ref="S9:W9"/>
    <mergeCell ref="B2:W2"/>
    <mergeCell ref="B5:C14"/>
    <mergeCell ref="D5:L5"/>
    <mergeCell ref="M5:R5"/>
    <mergeCell ref="S5:W5"/>
    <mergeCell ref="D6:E6"/>
    <mergeCell ref="F6:J6"/>
    <mergeCell ref="M6:R6"/>
    <mergeCell ref="S6:W6"/>
    <mergeCell ref="D7:L7"/>
    <mergeCell ref="M7:R7"/>
    <mergeCell ref="S7:W7"/>
    <mergeCell ref="D8:L8"/>
    <mergeCell ref="M8:R8"/>
    <mergeCell ref="S8:W8"/>
    <mergeCell ref="D10:L10"/>
  </mergeCells>
  <phoneticPr fontId="3"/>
  <pageMargins left="0.19685039370078741" right="0.19685039370078741" top="0.98425196850393704" bottom="0.98425196850393704" header="0.51181102362204722" footer="0.51181102362204722"/>
  <pageSetup paperSize="9" orientation="portrait" r:id="rId1"/>
  <headerFooter alignWithMargins="0">
    <oddHeader>&amp;L別紙６</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9</vt:i4>
      </vt:variant>
    </vt:vector>
  </HeadingPairs>
  <TitlesOfParts>
    <vt:vector size="18" baseType="lpstr">
      <vt:lpstr>Sheet1</vt:lpstr>
      <vt:lpstr>実績報告書（別記様式４号）</vt:lpstr>
      <vt:lpstr>別紙1</vt:lpstr>
      <vt:lpstr>別紙2-(2)</vt:lpstr>
      <vt:lpstr>別紙４</vt:lpstr>
      <vt:lpstr>別紙５</vt:lpstr>
      <vt:lpstr>別紙６</vt:lpstr>
      <vt:lpstr>【実績報告記入例】別紙1</vt:lpstr>
      <vt:lpstr>【実績報告記入例】別紙６</vt:lpstr>
      <vt:lpstr>【実績報告記入例】別紙1!Print_Area</vt:lpstr>
      <vt:lpstr>【実績報告記入例】別紙６!Print_Area</vt:lpstr>
      <vt:lpstr>Sheet1!Print_Area</vt:lpstr>
      <vt:lpstr>'実績報告書（別記様式４号）'!Print_Area</vt:lpstr>
      <vt:lpstr>別紙1!Print_Area</vt:lpstr>
      <vt:lpstr>'別紙2-(2)'!Print_Area</vt:lpstr>
      <vt:lpstr>別紙４!Print_Area</vt:lpstr>
      <vt:lpstr>別紙５!Print_Area</vt:lpstr>
      <vt:lpstr>別紙６!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広島市</dc:creator>
  <cp:lastModifiedBy>広島県</cp:lastModifiedBy>
  <cp:lastPrinted>2022-03-17T00:09:12Z</cp:lastPrinted>
  <dcterms:created xsi:type="dcterms:W3CDTF">2004-05-31T00:12:00Z</dcterms:created>
  <dcterms:modified xsi:type="dcterms:W3CDTF">2022-03-17T00:09:14Z</dcterms:modified>
</cp:coreProperties>
</file>